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3年度\02_財政グループ分\☆PRA作業後ファイル\"/>
    </mc:Choice>
  </mc:AlternateContent>
  <bookViews>
    <workbookView xWindow="0" yWindow="0" windowWidth="20400" windowHeight="7236"/>
  </bookViews>
  <sheets>
    <sheet name="31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31'!$A$1:$AL$39</definedName>
    <definedName name="_xlnm.Print_Titles" localSheetId="0">'31'!$A:$A</definedName>
  </definedNames>
  <calcPr calcId="152511"/>
</workbook>
</file>

<file path=xl/sharedStrings.xml><?xml version="1.0" encoding="utf-8"?>
<sst xmlns="http://schemas.openxmlformats.org/spreadsheetml/2006/main" count="137" uniqueCount="70">
  <si>
    <t>国民健康保険事業会計</t>
    <rPh sb="0" eb="2">
      <t>コクミン</t>
    </rPh>
    <rPh sb="2" eb="4">
      <t>ケンコウ</t>
    </rPh>
    <rPh sb="4" eb="6">
      <t>ホケン</t>
    </rPh>
    <rPh sb="6" eb="8">
      <t>ジギョウ</t>
    </rPh>
    <rPh sb="8" eb="10">
      <t>カイケイ</t>
    </rPh>
    <phoneticPr fontId="0"/>
  </si>
  <si>
    <t>介護保険事業会計</t>
    <rPh sb="0" eb="2">
      <t>カイゴ</t>
    </rPh>
    <rPh sb="2" eb="4">
      <t>ホケン</t>
    </rPh>
    <rPh sb="4" eb="6">
      <t>ジギョウ</t>
    </rPh>
    <rPh sb="6" eb="8">
      <t>カイケイ</t>
    </rPh>
    <phoneticPr fontId="0"/>
  </si>
  <si>
    <t>後期高齢者医療事業会計</t>
    <rPh sb="0" eb="2">
      <t>コウキ</t>
    </rPh>
    <rPh sb="2" eb="5">
      <t>コウレイシャ</t>
    </rPh>
    <rPh sb="5" eb="7">
      <t>イリョウ</t>
    </rPh>
    <rPh sb="7" eb="9">
      <t>ジギョウ</t>
    </rPh>
    <rPh sb="9" eb="11">
      <t>カイケイ</t>
    </rPh>
    <phoneticPr fontId="0"/>
  </si>
  <si>
    <t>収益事業会計</t>
    <rPh sb="0" eb="2">
      <t>シュウエキ</t>
    </rPh>
    <rPh sb="2" eb="4">
      <t>ジギョウ</t>
    </rPh>
    <rPh sb="4" eb="6">
      <t>カイケイ</t>
    </rPh>
    <phoneticPr fontId="0"/>
  </si>
  <si>
    <t>事業勘定</t>
    <rPh sb="0" eb="2">
      <t>ジギョウ</t>
    </rPh>
    <rPh sb="2" eb="4">
      <t>カンジョウ</t>
    </rPh>
    <phoneticPr fontId="0"/>
  </si>
  <si>
    <t>直診勘定</t>
    <rPh sb="0" eb="1">
      <t>チョク</t>
    </rPh>
    <rPh sb="1" eb="2">
      <t>シン</t>
    </rPh>
    <rPh sb="2" eb="4">
      <t>カンジョウ</t>
    </rPh>
    <phoneticPr fontId="0"/>
  </si>
  <si>
    <t>保険事業勘定</t>
    <rPh sb="0" eb="2">
      <t>ホケン</t>
    </rPh>
    <rPh sb="2" eb="4">
      <t>ジギョウ</t>
    </rPh>
    <rPh sb="4" eb="6">
      <t>カンジョウ</t>
    </rPh>
    <phoneticPr fontId="0"/>
  </si>
  <si>
    <t>介護サービス事業勘定</t>
    <rPh sb="0" eb="2">
      <t>カイゴ</t>
    </rPh>
    <rPh sb="6" eb="8">
      <t>ジギョウ</t>
    </rPh>
    <rPh sb="8" eb="10">
      <t>カンジョウ</t>
    </rPh>
    <phoneticPr fontId="0"/>
  </si>
  <si>
    <t>自転車競走事業</t>
    <rPh sb="0" eb="3">
      <t>ジテンシャ</t>
    </rPh>
    <rPh sb="3" eb="5">
      <t>キョウソウ</t>
    </rPh>
    <rPh sb="5" eb="7">
      <t>ジギョウ</t>
    </rPh>
    <phoneticPr fontId="0"/>
  </si>
  <si>
    <t>宝くじ事業</t>
    <rPh sb="0" eb="1">
      <t>タカラ</t>
    </rPh>
    <rPh sb="3" eb="5">
      <t>ジギョウ</t>
    </rPh>
    <phoneticPr fontId="0"/>
  </si>
  <si>
    <t>歳入歳出差引額</t>
    <rPh sb="0" eb="2">
      <t>サイニュウ</t>
    </rPh>
    <rPh sb="2" eb="4">
      <t>サイシュツ</t>
    </rPh>
    <rPh sb="4" eb="6">
      <t>サシヒ</t>
    </rPh>
    <rPh sb="6" eb="7">
      <t>ガク</t>
    </rPh>
    <phoneticPr fontId="0"/>
  </si>
  <si>
    <t>繰越又は</t>
    <rPh sb="0" eb="2">
      <t>クリコシ</t>
    </rPh>
    <rPh sb="2" eb="3">
      <t>マタ</t>
    </rPh>
    <phoneticPr fontId="0"/>
  </si>
  <si>
    <t>介護諸費等に対する</t>
    <rPh sb="0" eb="2">
      <t>カイゴ</t>
    </rPh>
    <rPh sb="2" eb="5">
      <t>ショヒナド</t>
    </rPh>
    <rPh sb="6" eb="7">
      <t>タイ</t>
    </rPh>
    <phoneticPr fontId="0"/>
  </si>
  <si>
    <t>歳入総額</t>
    <rPh sb="0" eb="2">
      <t>サイニュウ</t>
    </rPh>
    <rPh sb="2" eb="4">
      <t>ソウガク</t>
    </rPh>
    <phoneticPr fontId="0"/>
  </si>
  <si>
    <t>歳出総額</t>
    <rPh sb="0" eb="2">
      <t>サイシュツ</t>
    </rPh>
    <rPh sb="2" eb="4">
      <t>ソウガク</t>
    </rPh>
    <phoneticPr fontId="0"/>
  </si>
  <si>
    <t>繰越又は</t>
    <rPh sb="0" eb="2">
      <t>クリコシ</t>
    </rPh>
    <rPh sb="2" eb="3">
      <t>マタ</t>
    </rPh>
    <phoneticPr fontId="2"/>
  </si>
  <si>
    <t>実質収支</t>
    <rPh sb="0" eb="2">
      <t>ジッシツ</t>
    </rPh>
    <rPh sb="2" eb="4">
      <t>シュウシ</t>
    </rPh>
    <phoneticPr fontId="0"/>
  </si>
  <si>
    <t>Ａ－Ｂ</t>
  </si>
  <si>
    <t>支払繰延等</t>
    <rPh sb="4" eb="5">
      <t>ナド</t>
    </rPh>
    <phoneticPr fontId="1"/>
  </si>
  <si>
    <t>未収入特定財源</t>
    <rPh sb="0" eb="3">
      <t>ミシュウニュウ</t>
    </rPh>
    <rPh sb="3" eb="5">
      <t>トクテイ</t>
    </rPh>
    <rPh sb="5" eb="7">
      <t>ザイゲン</t>
    </rPh>
    <phoneticPr fontId="1"/>
  </si>
  <si>
    <t>実質収支額</t>
    <rPh sb="0" eb="2">
      <t>ジッシツ</t>
    </rPh>
    <rPh sb="2" eb="4">
      <t>シュウシ</t>
    </rPh>
    <rPh sb="4" eb="5">
      <t>ガク</t>
    </rPh>
    <phoneticPr fontId="0"/>
  </si>
  <si>
    <t>Ｃ</t>
  </si>
  <si>
    <t>Ｄ</t>
  </si>
  <si>
    <t>Ａ</t>
  </si>
  <si>
    <t>Ｂ</t>
  </si>
  <si>
    <t>Ｃ－Ｄ</t>
  </si>
  <si>
    <t>歳入歳出差引</t>
    <rPh sb="0" eb="2">
      <t>サイニュウ</t>
    </rPh>
    <rPh sb="2" eb="4">
      <t>サイシュツ</t>
    </rPh>
    <rPh sb="4" eb="6">
      <t>サシヒ</t>
    </rPh>
    <phoneticPr fontId="0"/>
  </si>
  <si>
    <t>翌年度に繰り</t>
    <phoneticPr fontId="1"/>
  </si>
  <si>
    <t>支払繰延等</t>
    <phoneticPr fontId="1"/>
  </si>
  <si>
    <t>越すべき財源</t>
    <phoneticPr fontId="1"/>
  </si>
  <si>
    <t>Ｅ</t>
    <phoneticPr fontId="1"/>
  </si>
  <si>
    <t>Ｃ－Ｄ＋Ｅ</t>
    <phoneticPr fontId="1"/>
  </si>
  <si>
    <t>Ｅ</t>
    <phoneticPr fontId="1"/>
  </si>
  <si>
    <t>Ｃ－Ｄ＋Ｅ</t>
    <phoneticPr fontId="1"/>
  </si>
  <si>
    <t>療養諸費等に対する</t>
    <rPh sb="0" eb="2">
      <t>リョウヨウ</t>
    </rPh>
    <rPh sb="2" eb="4">
      <t>ショヒ</t>
    </rPh>
    <rPh sb="4" eb="5">
      <t>ナド</t>
    </rPh>
    <rPh sb="6" eb="7">
      <t>タイ</t>
    </rPh>
    <phoneticPr fontId="0"/>
  </si>
  <si>
    <t>保険給付費等交付金</t>
    <rPh sb="0" eb="2">
      <t>ホケン</t>
    </rPh>
    <rPh sb="2" eb="4">
      <t>キュウフ</t>
    </rPh>
    <rPh sb="4" eb="5">
      <t>ヒ</t>
    </rPh>
    <rPh sb="5" eb="6">
      <t>トウ</t>
    </rPh>
    <rPh sb="6" eb="9">
      <t>コウフキン</t>
    </rPh>
    <phoneticPr fontId="1"/>
  </si>
  <si>
    <t>横浜市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7" xfId="0" applyNumberFormat="1" applyFont="1" applyBorder="1" applyAlignment="1">
      <alignment horizontal="center" vertical="center" shrinkToFit="1"/>
    </xf>
    <xf numFmtId="0" fontId="3" fillId="0" borderId="8" xfId="0" applyNumberFormat="1" applyFont="1" applyBorder="1" applyAlignment="1">
      <alignment horizontal="center" vertical="center" shrinkToFit="1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176" fontId="3" fillId="0" borderId="0" xfId="0" applyNumberFormat="1" applyFont="1" applyBorder="1" applyAlignment="1">
      <alignment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0" fontId="3" fillId="0" borderId="9" xfId="0" applyNumberFormat="1" applyFont="1" applyBorder="1" applyAlignment="1">
      <alignment horizontal="center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176" fontId="3" fillId="0" borderId="10" xfId="0" applyNumberFormat="1" applyFont="1" applyBorder="1" applyAlignment="1">
      <alignment vertical="center" shrinkToFit="1"/>
    </xf>
    <xf numFmtId="176" fontId="3" fillId="0" borderId="11" xfId="0" applyNumberFormat="1" applyFont="1" applyBorder="1" applyAlignment="1">
      <alignment vertical="center" shrinkToFit="1"/>
    </xf>
    <xf numFmtId="176" fontId="3" fillId="0" borderId="12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13" xfId="0" applyFont="1" applyBorder="1" applyAlignment="1">
      <alignment horizontal="center" vertical="center"/>
    </xf>
    <xf numFmtId="176" fontId="3" fillId="0" borderId="13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AL40"/>
  <sheetViews>
    <sheetView tabSelected="1" zoomScaleNormal="100" zoomScaleSheetLayoutView="100" workbookViewId="0">
      <pane xSplit="1" topLeftCell="B1" activePane="topRight" state="frozen"/>
      <selection pane="topRight" activeCell="A3" sqref="A3"/>
    </sheetView>
  </sheetViews>
  <sheetFormatPr defaultColWidth="9.3984375" defaultRowHeight="10.8"/>
  <cols>
    <col min="1" max="1" width="14.09765625" style="11" customWidth="1"/>
    <col min="2" max="16384" width="9.3984375" style="12"/>
  </cols>
  <sheetData>
    <row r="1" spans="1:38" s="17" customFormat="1" ht="17.25" customHeight="1">
      <c r="A1" s="1"/>
      <c r="B1" s="2" t="s">
        <v>0</v>
      </c>
      <c r="C1" s="2"/>
      <c r="D1" s="2"/>
      <c r="E1" s="2"/>
      <c r="F1" s="2"/>
      <c r="G1" s="2"/>
      <c r="H1" s="2" t="s">
        <v>0</v>
      </c>
      <c r="I1" s="2"/>
      <c r="J1" s="2"/>
      <c r="K1" s="2"/>
      <c r="L1" s="2"/>
      <c r="M1" s="2" t="s">
        <v>1</v>
      </c>
      <c r="N1" s="2"/>
      <c r="O1" s="2"/>
      <c r="P1" s="2"/>
      <c r="Q1" s="2"/>
      <c r="R1" s="2"/>
      <c r="S1" s="2" t="s">
        <v>1</v>
      </c>
      <c r="T1" s="2"/>
      <c r="U1" s="2"/>
      <c r="V1" s="2"/>
      <c r="W1" s="2"/>
      <c r="X1" s="2" t="s">
        <v>2</v>
      </c>
      <c r="Y1" s="2"/>
      <c r="Z1" s="2"/>
      <c r="AA1" s="2"/>
      <c r="AB1" s="2"/>
      <c r="AC1" s="2" t="s">
        <v>3</v>
      </c>
      <c r="AD1" s="2"/>
      <c r="AE1" s="2"/>
      <c r="AF1" s="2"/>
      <c r="AG1" s="2"/>
      <c r="AH1" s="2" t="s">
        <v>3</v>
      </c>
      <c r="AI1" s="2"/>
      <c r="AJ1" s="2"/>
      <c r="AK1" s="2"/>
      <c r="AL1" s="2"/>
    </row>
    <row r="2" spans="1:38" s="17" customFormat="1" ht="17.25" customHeight="1">
      <c r="A2" s="3"/>
      <c r="B2" s="2" t="s">
        <v>4</v>
      </c>
      <c r="C2" s="2"/>
      <c r="D2" s="2"/>
      <c r="E2" s="2"/>
      <c r="F2" s="2"/>
      <c r="G2" s="2"/>
      <c r="H2" s="2" t="s">
        <v>5</v>
      </c>
      <c r="I2" s="2"/>
      <c r="J2" s="2"/>
      <c r="K2" s="2"/>
      <c r="L2" s="2"/>
      <c r="M2" s="2" t="s">
        <v>6</v>
      </c>
      <c r="N2" s="2"/>
      <c r="O2" s="2"/>
      <c r="P2" s="2"/>
      <c r="Q2" s="2"/>
      <c r="R2" s="2"/>
      <c r="S2" s="2" t="s">
        <v>7</v>
      </c>
      <c r="T2" s="2"/>
      <c r="U2" s="2"/>
      <c r="V2" s="2"/>
      <c r="W2" s="2"/>
      <c r="X2" s="4"/>
      <c r="Y2" s="3"/>
      <c r="Z2" s="14"/>
      <c r="AA2" s="15"/>
      <c r="AB2" s="4"/>
      <c r="AC2" s="2" t="s">
        <v>8</v>
      </c>
      <c r="AD2" s="2"/>
      <c r="AE2" s="2"/>
      <c r="AF2" s="2"/>
      <c r="AG2" s="2"/>
      <c r="AH2" s="2" t="s">
        <v>9</v>
      </c>
      <c r="AI2" s="2"/>
      <c r="AJ2" s="2"/>
      <c r="AK2" s="2"/>
      <c r="AL2" s="2"/>
    </row>
    <row r="3" spans="1:38" s="17" customFormat="1" ht="17.25" customHeight="1">
      <c r="A3" s="3"/>
      <c r="B3" s="4"/>
      <c r="C3" s="4"/>
      <c r="D3" s="4" t="s">
        <v>10</v>
      </c>
      <c r="E3" s="4" t="s">
        <v>11</v>
      </c>
      <c r="F3" s="4" t="s">
        <v>34</v>
      </c>
      <c r="G3" s="4"/>
      <c r="H3" s="4"/>
      <c r="I3" s="4"/>
      <c r="J3" s="4" t="s">
        <v>10</v>
      </c>
      <c r="K3" s="4" t="s">
        <v>11</v>
      </c>
      <c r="L3" s="4"/>
      <c r="M3" s="4"/>
      <c r="N3" s="4"/>
      <c r="O3" s="4" t="s">
        <v>10</v>
      </c>
      <c r="P3" s="4" t="s">
        <v>11</v>
      </c>
      <c r="Q3" s="4" t="s">
        <v>12</v>
      </c>
      <c r="R3" s="4"/>
      <c r="S3" s="4"/>
      <c r="T3" s="4"/>
      <c r="U3" s="4" t="s">
        <v>10</v>
      </c>
      <c r="V3" s="4" t="s">
        <v>11</v>
      </c>
      <c r="W3" s="4"/>
      <c r="X3" s="4" t="s">
        <v>13</v>
      </c>
      <c r="Y3" s="3" t="s">
        <v>14</v>
      </c>
      <c r="Z3" s="4" t="s">
        <v>10</v>
      </c>
      <c r="AA3" s="15" t="s">
        <v>15</v>
      </c>
      <c r="AB3" s="4" t="s">
        <v>20</v>
      </c>
      <c r="AC3" s="4"/>
      <c r="AD3" s="4"/>
      <c r="AE3" s="4" t="s">
        <v>26</v>
      </c>
      <c r="AF3" s="4" t="s">
        <v>27</v>
      </c>
      <c r="AG3" s="4" t="s">
        <v>16</v>
      </c>
      <c r="AH3" s="4"/>
      <c r="AI3" s="4"/>
      <c r="AJ3" s="4" t="s">
        <v>26</v>
      </c>
      <c r="AK3" s="4" t="s">
        <v>27</v>
      </c>
      <c r="AL3" s="4" t="s">
        <v>16</v>
      </c>
    </row>
    <row r="4" spans="1:38" s="17" customFormat="1" ht="17.25" customHeight="1">
      <c r="A4" s="3"/>
      <c r="B4" s="4" t="s">
        <v>13</v>
      </c>
      <c r="C4" s="4" t="s">
        <v>14</v>
      </c>
      <c r="D4" s="4" t="s">
        <v>17</v>
      </c>
      <c r="E4" s="4" t="s">
        <v>18</v>
      </c>
      <c r="F4" s="4" t="s">
        <v>35</v>
      </c>
      <c r="G4" s="4" t="s">
        <v>20</v>
      </c>
      <c r="H4" s="4" t="s">
        <v>13</v>
      </c>
      <c r="I4" s="4" t="s">
        <v>14</v>
      </c>
      <c r="J4" s="4" t="s">
        <v>17</v>
      </c>
      <c r="K4" s="4" t="s">
        <v>18</v>
      </c>
      <c r="L4" s="4" t="s">
        <v>20</v>
      </c>
      <c r="M4" s="4" t="s">
        <v>13</v>
      </c>
      <c r="N4" s="4" t="s">
        <v>14</v>
      </c>
      <c r="O4" s="4" t="s">
        <v>17</v>
      </c>
      <c r="P4" s="4" t="s">
        <v>18</v>
      </c>
      <c r="Q4" s="4" t="s">
        <v>19</v>
      </c>
      <c r="R4" s="4" t="s">
        <v>20</v>
      </c>
      <c r="S4" s="4" t="s">
        <v>13</v>
      </c>
      <c r="T4" s="4" t="s">
        <v>14</v>
      </c>
      <c r="U4" s="4" t="s">
        <v>17</v>
      </c>
      <c r="V4" s="4" t="s">
        <v>18</v>
      </c>
      <c r="W4" s="4" t="s">
        <v>20</v>
      </c>
      <c r="X4" s="4"/>
      <c r="Y4" s="3"/>
      <c r="Z4" s="4" t="s">
        <v>17</v>
      </c>
      <c r="AA4" s="15" t="s">
        <v>28</v>
      </c>
      <c r="AB4" s="4"/>
      <c r="AC4" s="4" t="s">
        <v>13</v>
      </c>
      <c r="AD4" s="4" t="s">
        <v>14</v>
      </c>
      <c r="AE4" s="4" t="s">
        <v>17</v>
      </c>
      <c r="AF4" s="4" t="s">
        <v>29</v>
      </c>
      <c r="AG4" s="4"/>
      <c r="AH4" s="4" t="s">
        <v>13</v>
      </c>
      <c r="AI4" s="4" t="s">
        <v>14</v>
      </c>
      <c r="AJ4" s="4" t="s">
        <v>17</v>
      </c>
      <c r="AK4" s="4" t="s">
        <v>29</v>
      </c>
      <c r="AL4" s="4"/>
    </row>
    <row r="5" spans="1:38" s="17" customFormat="1" ht="17.25" customHeight="1">
      <c r="A5" s="5"/>
      <c r="B5" s="6" t="s">
        <v>23</v>
      </c>
      <c r="C5" s="6" t="s">
        <v>24</v>
      </c>
      <c r="D5" s="6" t="s">
        <v>21</v>
      </c>
      <c r="E5" s="6" t="s">
        <v>22</v>
      </c>
      <c r="F5" s="6" t="s">
        <v>30</v>
      </c>
      <c r="G5" s="6" t="s">
        <v>31</v>
      </c>
      <c r="H5" s="6" t="s">
        <v>23</v>
      </c>
      <c r="I5" s="6" t="s">
        <v>24</v>
      </c>
      <c r="J5" s="6" t="s">
        <v>21</v>
      </c>
      <c r="K5" s="6" t="s">
        <v>22</v>
      </c>
      <c r="L5" s="6" t="s">
        <v>25</v>
      </c>
      <c r="M5" s="6" t="s">
        <v>23</v>
      </c>
      <c r="N5" s="6" t="s">
        <v>24</v>
      </c>
      <c r="O5" s="6" t="s">
        <v>21</v>
      </c>
      <c r="P5" s="6" t="s">
        <v>22</v>
      </c>
      <c r="Q5" s="6" t="s">
        <v>32</v>
      </c>
      <c r="R5" s="6" t="s">
        <v>33</v>
      </c>
      <c r="S5" s="6" t="s">
        <v>23</v>
      </c>
      <c r="T5" s="6" t="s">
        <v>24</v>
      </c>
      <c r="U5" s="6" t="s">
        <v>21</v>
      </c>
      <c r="V5" s="6" t="s">
        <v>22</v>
      </c>
      <c r="W5" s="6" t="s">
        <v>25</v>
      </c>
      <c r="X5" s="6" t="s">
        <v>23</v>
      </c>
      <c r="Y5" s="5" t="s">
        <v>24</v>
      </c>
      <c r="Z5" s="6" t="s">
        <v>21</v>
      </c>
      <c r="AA5" s="16" t="s">
        <v>22</v>
      </c>
      <c r="AB5" s="6" t="s">
        <v>25</v>
      </c>
      <c r="AC5" s="6" t="s">
        <v>23</v>
      </c>
      <c r="AD5" s="6" t="s">
        <v>24</v>
      </c>
      <c r="AE5" s="6" t="s">
        <v>21</v>
      </c>
      <c r="AF5" s="6" t="s">
        <v>22</v>
      </c>
      <c r="AG5" s="6" t="s">
        <v>25</v>
      </c>
      <c r="AH5" s="6" t="s">
        <v>23</v>
      </c>
      <c r="AI5" s="6" t="s">
        <v>24</v>
      </c>
      <c r="AJ5" s="6" t="s">
        <v>21</v>
      </c>
      <c r="AK5" s="6" t="s">
        <v>22</v>
      </c>
      <c r="AL5" s="6" t="s">
        <v>25</v>
      </c>
    </row>
    <row r="6" spans="1:38" ht="17.25" customHeight="1">
      <c r="A6" s="7" t="s">
        <v>36</v>
      </c>
      <c r="B6" s="18">
        <v>316160295</v>
      </c>
      <c r="C6" s="18">
        <v>307879735</v>
      </c>
      <c r="D6" s="18">
        <v>8280560</v>
      </c>
      <c r="E6" s="18">
        <v>0</v>
      </c>
      <c r="F6" s="18">
        <v>0</v>
      </c>
      <c r="G6" s="18">
        <v>8280560</v>
      </c>
      <c r="H6" s="18">
        <v>0</v>
      </c>
      <c r="I6" s="18">
        <v>0</v>
      </c>
      <c r="J6" s="18">
        <v>0</v>
      </c>
      <c r="K6" s="18">
        <v>0</v>
      </c>
      <c r="L6" s="18">
        <v>0</v>
      </c>
      <c r="M6" s="18">
        <v>307158780</v>
      </c>
      <c r="N6" s="18">
        <v>295524430</v>
      </c>
      <c r="O6" s="18">
        <v>11634350</v>
      </c>
      <c r="P6" s="18">
        <v>11634350</v>
      </c>
      <c r="Q6" s="18">
        <v>2917056</v>
      </c>
      <c r="R6" s="18">
        <v>2917056</v>
      </c>
      <c r="S6" s="18">
        <v>781430</v>
      </c>
      <c r="T6" s="18">
        <v>781430</v>
      </c>
      <c r="U6" s="18">
        <v>0</v>
      </c>
      <c r="V6" s="18">
        <v>0</v>
      </c>
      <c r="W6" s="18">
        <v>0</v>
      </c>
      <c r="X6" s="18">
        <v>83076908</v>
      </c>
      <c r="Y6" s="18">
        <v>82831337</v>
      </c>
      <c r="Z6" s="18">
        <v>245571</v>
      </c>
      <c r="AA6" s="18">
        <v>0</v>
      </c>
      <c r="AB6" s="18">
        <v>245571</v>
      </c>
      <c r="AC6" s="18">
        <v>0</v>
      </c>
      <c r="AD6" s="18">
        <v>0</v>
      </c>
      <c r="AE6" s="18">
        <v>0</v>
      </c>
      <c r="AF6" s="18">
        <v>0</v>
      </c>
      <c r="AG6" s="18">
        <v>0</v>
      </c>
      <c r="AH6" s="18">
        <v>7622284</v>
      </c>
      <c r="AI6" s="18">
        <v>7622284</v>
      </c>
      <c r="AJ6" s="18">
        <v>0</v>
      </c>
      <c r="AK6" s="18">
        <v>0</v>
      </c>
      <c r="AL6" s="18">
        <v>0</v>
      </c>
    </row>
    <row r="7" spans="1:38" s="13" customFormat="1" ht="17.25" customHeight="1">
      <c r="A7" s="8" t="s">
        <v>37</v>
      </c>
      <c r="B7" s="19">
        <v>117918638</v>
      </c>
      <c r="C7" s="19">
        <v>116593764</v>
      </c>
      <c r="D7" s="19">
        <v>1324874</v>
      </c>
      <c r="E7" s="19">
        <v>0</v>
      </c>
      <c r="F7" s="19">
        <v>0</v>
      </c>
      <c r="G7" s="19">
        <v>1324874</v>
      </c>
      <c r="H7" s="19">
        <v>0</v>
      </c>
      <c r="I7" s="19">
        <v>0</v>
      </c>
      <c r="J7" s="19">
        <v>0</v>
      </c>
      <c r="K7" s="19">
        <v>0</v>
      </c>
      <c r="L7" s="19">
        <v>0</v>
      </c>
      <c r="M7" s="19">
        <v>98759954</v>
      </c>
      <c r="N7" s="19">
        <v>97629598</v>
      </c>
      <c r="O7" s="19">
        <v>1130356</v>
      </c>
      <c r="P7" s="19">
        <v>0</v>
      </c>
      <c r="Q7" s="19">
        <v>0</v>
      </c>
      <c r="R7" s="19">
        <v>1130356</v>
      </c>
      <c r="S7" s="19">
        <v>385390</v>
      </c>
      <c r="T7" s="19">
        <v>385390</v>
      </c>
      <c r="U7" s="19">
        <v>0</v>
      </c>
      <c r="V7" s="19">
        <v>0</v>
      </c>
      <c r="W7" s="19">
        <v>0</v>
      </c>
      <c r="X7" s="19">
        <v>17792256</v>
      </c>
      <c r="Y7" s="19">
        <v>16979718</v>
      </c>
      <c r="Z7" s="19">
        <v>812538</v>
      </c>
      <c r="AA7" s="19">
        <v>0</v>
      </c>
      <c r="AB7" s="19">
        <v>812538</v>
      </c>
      <c r="AC7" s="19">
        <v>25397068</v>
      </c>
      <c r="AD7" s="19">
        <v>25395571</v>
      </c>
      <c r="AE7" s="19">
        <v>1497</v>
      </c>
      <c r="AF7" s="19">
        <v>0</v>
      </c>
      <c r="AG7" s="19">
        <v>1497</v>
      </c>
      <c r="AH7" s="19">
        <v>2683699</v>
      </c>
      <c r="AI7" s="19">
        <v>2683699</v>
      </c>
      <c r="AJ7" s="19">
        <v>0</v>
      </c>
      <c r="AK7" s="19">
        <v>0</v>
      </c>
      <c r="AL7" s="19">
        <v>0</v>
      </c>
    </row>
    <row r="8" spans="1:38" ht="17.25" customHeight="1">
      <c r="A8" s="22" t="s">
        <v>38</v>
      </c>
      <c r="B8" s="23">
        <v>68494712</v>
      </c>
      <c r="C8" s="23">
        <v>65833205</v>
      </c>
      <c r="D8" s="19">
        <v>2661507</v>
      </c>
      <c r="E8" s="23">
        <v>0</v>
      </c>
      <c r="F8" s="23">
        <v>0</v>
      </c>
      <c r="G8" s="23">
        <v>2661507</v>
      </c>
      <c r="H8" s="23">
        <v>222054</v>
      </c>
      <c r="I8" s="23">
        <v>215897</v>
      </c>
      <c r="J8" s="19">
        <v>6157</v>
      </c>
      <c r="K8" s="23">
        <v>6157</v>
      </c>
      <c r="L8" s="23">
        <v>0</v>
      </c>
      <c r="M8" s="23">
        <v>53225082</v>
      </c>
      <c r="N8" s="23">
        <v>50999489</v>
      </c>
      <c r="O8" s="19">
        <v>2225593</v>
      </c>
      <c r="P8" s="23">
        <v>0</v>
      </c>
      <c r="Q8" s="23">
        <v>0</v>
      </c>
      <c r="R8" s="23">
        <v>2225593</v>
      </c>
      <c r="S8" s="23">
        <v>0</v>
      </c>
      <c r="T8" s="23">
        <v>0</v>
      </c>
      <c r="U8" s="19">
        <v>0</v>
      </c>
      <c r="V8" s="23">
        <v>0</v>
      </c>
      <c r="W8" s="23">
        <v>0</v>
      </c>
      <c r="X8" s="23">
        <v>9748101</v>
      </c>
      <c r="Y8" s="23">
        <v>9514845</v>
      </c>
      <c r="Z8" s="19">
        <v>233256</v>
      </c>
      <c r="AA8" s="23">
        <v>0</v>
      </c>
      <c r="AB8" s="23">
        <v>233256</v>
      </c>
      <c r="AC8" s="23">
        <v>0</v>
      </c>
      <c r="AD8" s="23">
        <v>0</v>
      </c>
      <c r="AE8" s="19">
        <v>0</v>
      </c>
      <c r="AF8" s="23">
        <v>0</v>
      </c>
      <c r="AG8" s="23">
        <v>0</v>
      </c>
      <c r="AH8" s="23">
        <v>1040156</v>
      </c>
      <c r="AI8" s="23">
        <v>1040156</v>
      </c>
      <c r="AJ8" s="23">
        <v>0</v>
      </c>
      <c r="AK8" s="23">
        <v>0</v>
      </c>
      <c r="AL8" s="23">
        <v>0</v>
      </c>
    </row>
    <row r="9" spans="1:38" ht="17.25" customHeight="1">
      <c r="A9" s="8" t="s">
        <v>39</v>
      </c>
      <c r="B9" s="19">
        <v>42358384</v>
      </c>
      <c r="C9" s="19">
        <v>40820804</v>
      </c>
      <c r="D9" s="19">
        <v>1537580</v>
      </c>
      <c r="E9" s="19">
        <v>0</v>
      </c>
      <c r="F9" s="19">
        <v>0</v>
      </c>
      <c r="G9" s="19">
        <v>1537580</v>
      </c>
      <c r="H9" s="19">
        <v>0</v>
      </c>
      <c r="I9" s="19">
        <v>0</v>
      </c>
      <c r="J9" s="19">
        <v>0</v>
      </c>
      <c r="K9" s="19">
        <v>0</v>
      </c>
      <c r="L9" s="19">
        <v>0</v>
      </c>
      <c r="M9" s="19">
        <v>40863409</v>
      </c>
      <c r="N9" s="19">
        <v>37412235</v>
      </c>
      <c r="O9" s="19">
        <v>3451174</v>
      </c>
      <c r="P9" s="19">
        <v>0</v>
      </c>
      <c r="Q9" s="19">
        <v>0</v>
      </c>
      <c r="R9" s="19">
        <v>3451174</v>
      </c>
      <c r="S9" s="19">
        <v>0</v>
      </c>
      <c r="T9" s="19">
        <v>0</v>
      </c>
      <c r="U9" s="19">
        <v>0</v>
      </c>
      <c r="V9" s="19">
        <v>0</v>
      </c>
      <c r="W9" s="19">
        <v>0</v>
      </c>
      <c r="X9" s="19">
        <v>6893630</v>
      </c>
      <c r="Y9" s="19">
        <v>6858747</v>
      </c>
      <c r="Z9" s="19">
        <v>34883</v>
      </c>
      <c r="AA9" s="19">
        <v>0</v>
      </c>
      <c r="AB9" s="19">
        <v>34883</v>
      </c>
      <c r="AC9" s="19">
        <v>0</v>
      </c>
      <c r="AD9" s="19">
        <v>0</v>
      </c>
      <c r="AE9" s="19">
        <v>0</v>
      </c>
      <c r="AF9" s="19">
        <v>0</v>
      </c>
      <c r="AG9" s="19">
        <v>0</v>
      </c>
      <c r="AH9" s="19">
        <v>0</v>
      </c>
      <c r="AI9" s="19">
        <v>0</v>
      </c>
      <c r="AJ9" s="19">
        <v>0</v>
      </c>
      <c r="AK9" s="19">
        <v>0</v>
      </c>
      <c r="AL9" s="19">
        <v>0</v>
      </c>
    </row>
    <row r="10" spans="1:38" s="13" customFormat="1" ht="17.25" customHeight="1">
      <c r="A10" s="8" t="s">
        <v>40</v>
      </c>
      <c r="B10" s="19">
        <v>24980719</v>
      </c>
      <c r="C10" s="19">
        <v>24790976</v>
      </c>
      <c r="D10" s="19">
        <v>189743</v>
      </c>
      <c r="E10" s="19">
        <v>0</v>
      </c>
      <c r="F10" s="19">
        <v>0</v>
      </c>
      <c r="G10" s="19">
        <v>189743</v>
      </c>
      <c r="H10" s="19">
        <v>0</v>
      </c>
      <c r="I10" s="19">
        <v>0</v>
      </c>
      <c r="J10" s="19">
        <v>0</v>
      </c>
      <c r="K10" s="19">
        <v>0</v>
      </c>
      <c r="L10" s="19">
        <v>0</v>
      </c>
      <c r="M10" s="19">
        <v>21162380</v>
      </c>
      <c r="N10" s="19">
        <v>20369044</v>
      </c>
      <c r="O10" s="19">
        <v>793336</v>
      </c>
      <c r="P10" s="19">
        <v>0</v>
      </c>
      <c r="Q10" s="19">
        <v>0</v>
      </c>
      <c r="R10" s="19">
        <v>793336</v>
      </c>
      <c r="S10" s="19">
        <v>0</v>
      </c>
      <c r="T10" s="19">
        <v>0</v>
      </c>
      <c r="U10" s="19">
        <v>0</v>
      </c>
      <c r="V10" s="19">
        <v>0</v>
      </c>
      <c r="W10" s="19">
        <v>0</v>
      </c>
      <c r="X10" s="19">
        <v>3986942</v>
      </c>
      <c r="Y10" s="19">
        <v>3718241</v>
      </c>
      <c r="Z10" s="19">
        <v>268701</v>
      </c>
      <c r="AA10" s="19">
        <v>0</v>
      </c>
      <c r="AB10" s="19">
        <v>268701</v>
      </c>
      <c r="AC10" s="19">
        <v>22416616</v>
      </c>
      <c r="AD10" s="19">
        <v>21876877</v>
      </c>
      <c r="AE10" s="19">
        <v>539739</v>
      </c>
      <c r="AF10" s="19">
        <v>0</v>
      </c>
      <c r="AG10" s="19">
        <v>539739</v>
      </c>
      <c r="AH10" s="19">
        <v>0</v>
      </c>
      <c r="AI10" s="19">
        <v>0</v>
      </c>
      <c r="AJ10" s="19">
        <v>0</v>
      </c>
      <c r="AK10" s="19">
        <v>0</v>
      </c>
      <c r="AL10" s="19">
        <v>0</v>
      </c>
    </row>
    <row r="11" spans="1:38" s="13" customFormat="1" ht="17.25" customHeight="1">
      <c r="A11" s="8" t="s">
        <v>41</v>
      </c>
      <c r="B11" s="19">
        <v>16124078</v>
      </c>
      <c r="C11" s="19">
        <v>15718425</v>
      </c>
      <c r="D11" s="19">
        <v>405653</v>
      </c>
      <c r="E11" s="19">
        <v>0</v>
      </c>
      <c r="F11" s="19">
        <v>0</v>
      </c>
      <c r="G11" s="19">
        <v>405653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  <c r="M11" s="19">
        <v>17757400</v>
      </c>
      <c r="N11" s="19">
        <v>17429395</v>
      </c>
      <c r="O11" s="19">
        <v>328005</v>
      </c>
      <c r="P11" s="19">
        <v>0</v>
      </c>
      <c r="Q11" s="19">
        <v>0</v>
      </c>
      <c r="R11" s="19">
        <v>328005</v>
      </c>
      <c r="S11" s="19">
        <v>6324</v>
      </c>
      <c r="T11" s="19">
        <v>6324</v>
      </c>
      <c r="U11" s="19">
        <v>0</v>
      </c>
      <c r="V11" s="19">
        <v>0</v>
      </c>
      <c r="W11" s="19">
        <v>0</v>
      </c>
      <c r="X11" s="19">
        <v>4110673</v>
      </c>
      <c r="Y11" s="19">
        <v>4059712</v>
      </c>
      <c r="Z11" s="19">
        <v>50961</v>
      </c>
      <c r="AA11" s="19">
        <v>0</v>
      </c>
      <c r="AB11" s="19">
        <v>50961</v>
      </c>
      <c r="AC11" s="19">
        <v>0</v>
      </c>
      <c r="AD11" s="19">
        <v>0</v>
      </c>
      <c r="AE11" s="19">
        <v>0</v>
      </c>
      <c r="AF11" s="19">
        <v>0</v>
      </c>
      <c r="AG11" s="19">
        <v>0</v>
      </c>
      <c r="AH11" s="19">
        <v>0</v>
      </c>
      <c r="AI11" s="19">
        <v>0</v>
      </c>
      <c r="AJ11" s="19">
        <v>0</v>
      </c>
      <c r="AK11" s="19">
        <v>0</v>
      </c>
      <c r="AL11" s="19">
        <v>0</v>
      </c>
    </row>
    <row r="12" spans="1:38" s="13" customFormat="1" ht="17.25" customHeight="1">
      <c r="A12" s="8" t="s">
        <v>42</v>
      </c>
      <c r="B12" s="19">
        <v>36920137</v>
      </c>
      <c r="C12" s="19">
        <v>35946190</v>
      </c>
      <c r="D12" s="19">
        <v>973947</v>
      </c>
      <c r="E12" s="19">
        <v>0</v>
      </c>
      <c r="F12" s="19">
        <v>0</v>
      </c>
      <c r="G12" s="19">
        <v>973947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9995502</v>
      </c>
      <c r="N12" s="19">
        <v>29542141</v>
      </c>
      <c r="O12" s="19">
        <v>453361</v>
      </c>
      <c r="P12" s="19">
        <v>0</v>
      </c>
      <c r="Q12" s="19">
        <v>0</v>
      </c>
      <c r="R12" s="19">
        <v>453361</v>
      </c>
      <c r="S12" s="19">
        <v>0</v>
      </c>
      <c r="T12" s="19">
        <v>0</v>
      </c>
      <c r="U12" s="19">
        <v>0</v>
      </c>
      <c r="V12" s="19">
        <v>0</v>
      </c>
      <c r="W12" s="19">
        <v>0</v>
      </c>
      <c r="X12" s="19">
        <v>6723021</v>
      </c>
      <c r="Y12" s="19">
        <v>6617639</v>
      </c>
      <c r="Z12" s="19">
        <v>105382</v>
      </c>
      <c r="AA12" s="19">
        <v>0</v>
      </c>
      <c r="AB12" s="19">
        <v>105382</v>
      </c>
      <c r="AC12" s="19">
        <v>0</v>
      </c>
      <c r="AD12" s="19">
        <v>0</v>
      </c>
      <c r="AE12" s="19">
        <v>0</v>
      </c>
      <c r="AF12" s="19">
        <v>0</v>
      </c>
      <c r="AG12" s="19">
        <v>0</v>
      </c>
      <c r="AH12" s="19">
        <v>0</v>
      </c>
      <c r="AI12" s="19">
        <v>0</v>
      </c>
      <c r="AJ12" s="19">
        <v>0</v>
      </c>
      <c r="AK12" s="19">
        <v>0</v>
      </c>
      <c r="AL12" s="19">
        <v>0</v>
      </c>
    </row>
    <row r="13" spans="1:38" s="13" customFormat="1" ht="17.25" customHeight="1">
      <c r="A13" s="8" t="s">
        <v>43</v>
      </c>
      <c r="B13" s="19">
        <v>19494304</v>
      </c>
      <c r="C13" s="19">
        <v>19098676</v>
      </c>
      <c r="D13" s="19">
        <v>395628</v>
      </c>
      <c r="E13" s="19">
        <v>0</v>
      </c>
      <c r="F13" s="19">
        <v>0</v>
      </c>
      <c r="G13" s="19">
        <v>395628</v>
      </c>
      <c r="H13" s="19">
        <v>31744</v>
      </c>
      <c r="I13" s="19">
        <v>27691</v>
      </c>
      <c r="J13" s="19">
        <v>4053</v>
      </c>
      <c r="K13" s="19">
        <v>285</v>
      </c>
      <c r="L13" s="19">
        <v>3768</v>
      </c>
      <c r="M13" s="19">
        <v>16229797</v>
      </c>
      <c r="N13" s="19">
        <v>16093364</v>
      </c>
      <c r="O13" s="19">
        <v>136433</v>
      </c>
      <c r="P13" s="19">
        <v>0</v>
      </c>
      <c r="Q13" s="19">
        <v>0</v>
      </c>
      <c r="R13" s="19">
        <v>136433</v>
      </c>
      <c r="S13" s="19">
        <v>0</v>
      </c>
      <c r="T13" s="19">
        <v>0</v>
      </c>
      <c r="U13" s="19">
        <v>0</v>
      </c>
      <c r="V13" s="19">
        <v>0</v>
      </c>
      <c r="W13" s="19">
        <v>0</v>
      </c>
      <c r="X13" s="19">
        <v>3038769</v>
      </c>
      <c r="Y13" s="19">
        <v>2974606</v>
      </c>
      <c r="Z13" s="19">
        <v>64163</v>
      </c>
      <c r="AA13" s="19">
        <v>0</v>
      </c>
      <c r="AB13" s="19">
        <v>64163</v>
      </c>
      <c r="AC13" s="19">
        <v>13465736</v>
      </c>
      <c r="AD13" s="19">
        <v>13210353</v>
      </c>
      <c r="AE13" s="19">
        <v>255383</v>
      </c>
      <c r="AF13" s="19">
        <v>0</v>
      </c>
      <c r="AG13" s="19">
        <v>255383</v>
      </c>
      <c r="AH13" s="19">
        <v>0</v>
      </c>
      <c r="AI13" s="19">
        <v>0</v>
      </c>
      <c r="AJ13" s="19">
        <v>0</v>
      </c>
      <c r="AK13" s="19">
        <v>0</v>
      </c>
      <c r="AL13" s="19">
        <v>0</v>
      </c>
    </row>
    <row r="14" spans="1:38" s="13" customFormat="1" ht="17.25" customHeight="1">
      <c r="A14" s="8" t="s">
        <v>44</v>
      </c>
      <c r="B14" s="19">
        <v>21548041</v>
      </c>
      <c r="C14" s="19">
        <v>20997579</v>
      </c>
      <c r="D14" s="19">
        <v>550462</v>
      </c>
      <c r="E14" s="19">
        <v>0</v>
      </c>
      <c r="F14" s="19">
        <v>0</v>
      </c>
      <c r="G14" s="19">
        <v>550462</v>
      </c>
      <c r="H14" s="19">
        <v>0</v>
      </c>
      <c r="I14" s="19">
        <v>0</v>
      </c>
      <c r="J14" s="19">
        <v>0</v>
      </c>
      <c r="K14" s="19">
        <v>0</v>
      </c>
      <c r="L14" s="19">
        <v>0</v>
      </c>
      <c r="M14" s="19">
        <v>16668063</v>
      </c>
      <c r="N14" s="19">
        <v>16251292</v>
      </c>
      <c r="O14" s="19">
        <v>416771</v>
      </c>
      <c r="P14" s="19">
        <v>0</v>
      </c>
      <c r="Q14" s="19">
        <v>0</v>
      </c>
      <c r="R14" s="19">
        <v>416771</v>
      </c>
      <c r="S14" s="19">
        <v>0</v>
      </c>
      <c r="T14" s="19">
        <v>0</v>
      </c>
      <c r="U14" s="19">
        <v>0</v>
      </c>
      <c r="V14" s="19">
        <v>0</v>
      </c>
      <c r="W14" s="19">
        <v>0</v>
      </c>
      <c r="X14" s="19">
        <v>3874079</v>
      </c>
      <c r="Y14" s="19">
        <v>3864781</v>
      </c>
      <c r="Z14" s="19">
        <v>9298</v>
      </c>
      <c r="AA14" s="19">
        <v>0</v>
      </c>
      <c r="AB14" s="19">
        <v>9298</v>
      </c>
      <c r="AC14" s="19">
        <v>0</v>
      </c>
      <c r="AD14" s="19">
        <v>0</v>
      </c>
      <c r="AE14" s="19">
        <v>0</v>
      </c>
      <c r="AF14" s="19">
        <v>0</v>
      </c>
      <c r="AG14" s="19">
        <v>0</v>
      </c>
      <c r="AH14" s="19">
        <v>0</v>
      </c>
      <c r="AI14" s="19">
        <v>0</v>
      </c>
      <c r="AJ14" s="19">
        <v>0</v>
      </c>
      <c r="AK14" s="19">
        <v>0</v>
      </c>
      <c r="AL14" s="19">
        <v>0</v>
      </c>
    </row>
    <row r="15" spans="1:38" s="13" customFormat="1" ht="17.25" customHeight="1">
      <c r="A15" s="8" t="s">
        <v>45</v>
      </c>
      <c r="B15" s="19">
        <v>5862571</v>
      </c>
      <c r="C15" s="19">
        <v>5710230</v>
      </c>
      <c r="D15" s="19">
        <v>152341</v>
      </c>
      <c r="E15" s="19">
        <v>0</v>
      </c>
      <c r="F15" s="19">
        <v>0</v>
      </c>
      <c r="G15" s="19">
        <v>152341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  <c r="M15" s="19">
        <v>6605917</v>
      </c>
      <c r="N15" s="19">
        <v>6101118</v>
      </c>
      <c r="O15" s="19">
        <v>504799</v>
      </c>
      <c r="P15" s="19">
        <v>0</v>
      </c>
      <c r="Q15" s="19">
        <v>0</v>
      </c>
      <c r="R15" s="19">
        <v>504799</v>
      </c>
      <c r="S15" s="19">
        <v>0</v>
      </c>
      <c r="T15" s="19">
        <v>0</v>
      </c>
      <c r="U15" s="19">
        <v>0</v>
      </c>
      <c r="V15" s="19">
        <v>0</v>
      </c>
      <c r="W15" s="19">
        <v>0</v>
      </c>
      <c r="X15" s="19">
        <v>1367121</v>
      </c>
      <c r="Y15" s="19">
        <v>1308954</v>
      </c>
      <c r="Z15" s="19">
        <v>58167</v>
      </c>
      <c r="AA15" s="19">
        <v>0</v>
      </c>
      <c r="AB15" s="19">
        <v>58167</v>
      </c>
      <c r="AC15" s="19">
        <v>0</v>
      </c>
      <c r="AD15" s="19">
        <v>0</v>
      </c>
      <c r="AE15" s="19">
        <v>0</v>
      </c>
      <c r="AF15" s="19">
        <v>0</v>
      </c>
      <c r="AG15" s="19">
        <v>0</v>
      </c>
      <c r="AH15" s="19">
        <v>0</v>
      </c>
      <c r="AI15" s="19">
        <v>0</v>
      </c>
      <c r="AJ15" s="19">
        <v>0</v>
      </c>
      <c r="AK15" s="19">
        <v>0</v>
      </c>
      <c r="AL15" s="19">
        <v>0</v>
      </c>
    </row>
    <row r="16" spans="1:38" s="13" customFormat="1" ht="17.25" customHeight="1">
      <c r="A16" s="8" t="s">
        <v>46</v>
      </c>
      <c r="B16" s="19">
        <v>5808689</v>
      </c>
      <c r="C16" s="19">
        <v>5796945</v>
      </c>
      <c r="D16" s="19">
        <v>11744</v>
      </c>
      <c r="E16" s="19">
        <v>0</v>
      </c>
      <c r="F16" s="19">
        <v>0</v>
      </c>
      <c r="G16" s="19">
        <v>11744</v>
      </c>
      <c r="H16" s="19">
        <v>0</v>
      </c>
      <c r="I16" s="19">
        <v>0</v>
      </c>
      <c r="J16" s="19">
        <v>0</v>
      </c>
      <c r="K16" s="19">
        <v>0</v>
      </c>
      <c r="L16" s="19">
        <v>0</v>
      </c>
      <c r="M16" s="19">
        <v>5309859</v>
      </c>
      <c r="N16" s="19">
        <v>5281850</v>
      </c>
      <c r="O16" s="19">
        <v>28009</v>
      </c>
      <c r="P16" s="19">
        <v>0</v>
      </c>
      <c r="Q16" s="19">
        <v>0</v>
      </c>
      <c r="R16" s="19">
        <v>28009</v>
      </c>
      <c r="S16" s="19">
        <v>0</v>
      </c>
      <c r="T16" s="19">
        <v>0</v>
      </c>
      <c r="U16" s="19">
        <v>0</v>
      </c>
      <c r="V16" s="19">
        <v>0</v>
      </c>
      <c r="W16" s="19">
        <v>0</v>
      </c>
      <c r="X16" s="19">
        <v>835899</v>
      </c>
      <c r="Y16" s="19">
        <v>800580</v>
      </c>
      <c r="Z16" s="19">
        <v>35319</v>
      </c>
      <c r="AA16" s="19">
        <v>0</v>
      </c>
      <c r="AB16" s="19">
        <v>35319</v>
      </c>
      <c r="AC16" s="19">
        <v>0</v>
      </c>
      <c r="AD16" s="19">
        <v>0</v>
      </c>
      <c r="AE16" s="19">
        <v>0</v>
      </c>
      <c r="AF16" s="19">
        <v>0</v>
      </c>
      <c r="AG16" s="19">
        <v>0</v>
      </c>
      <c r="AH16" s="19">
        <v>0</v>
      </c>
      <c r="AI16" s="19">
        <v>0</v>
      </c>
      <c r="AJ16" s="19">
        <v>0</v>
      </c>
      <c r="AK16" s="19">
        <v>0</v>
      </c>
      <c r="AL16" s="19">
        <v>0</v>
      </c>
    </row>
    <row r="17" spans="1:38" s="13" customFormat="1" ht="17.25" customHeight="1">
      <c r="A17" s="8" t="s">
        <v>47</v>
      </c>
      <c r="B17" s="19">
        <v>16266105</v>
      </c>
      <c r="C17" s="19">
        <v>16246340</v>
      </c>
      <c r="D17" s="19">
        <v>19765</v>
      </c>
      <c r="E17" s="19">
        <v>0</v>
      </c>
      <c r="F17" s="19">
        <v>0</v>
      </c>
      <c r="G17" s="19">
        <v>19765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12586416</v>
      </c>
      <c r="N17" s="19">
        <v>12451308</v>
      </c>
      <c r="O17" s="19">
        <v>135108</v>
      </c>
      <c r="P17" s="19">
        <v>0</v>
      </c>
      <c r="Q17" s="19">
        <v>0</v>
      </c>
      <c r="R17" s="19">
        <v>135108</v>
      </c>
      <c r="S17" s="19">
        <v>0</v>
      </c>
      <c r="T17" s="19">
        <v>0</v>
      </c>
      <c r="U17" s="19">
        <v>0</v>
      </c>
      <c r="V17" s="19">
        <v>0</v>
      </c>
      <c r="W17" s="19">
        <v>0</v>
      </c>
      <c r="X17" s="19">
        <v>2522296</v>
      </c>
      <c r="Y17" s="19">
        <v>2386205</v>
      </c>
      <c r="Z17" s="19">
        <v>136091</v>
      </c>
      <c r="AA17" s="19">
        <v>0</v>
      </c>
      <c r="AB17" s="19">
        <v>136091</v>
      </c>
      <c r="AC17" s="19">
        <v>0</v>
      </c>
      <c r="AD17" s="19">
        <v>0</v>
      </c>
      <c r="AE17" s="19">
        <v>0</v>
      </c>
      <c r="AF17" s="19">
        <v>0</v>
      </c>
      <c r="AG17" s="19">
        <v>0</v>
      </c>
      <c r="AH17" s="19">
        <v>0</v>
      </c>
      <c r="AI17" s="19">
        <v>0</v>
      </c>
      <c r="AJ17" s="19">
        <v>0</v>
      </c>
      <c r="AK17" s="19">
        <v>0</v>
      </c>
      <c r="AL17" s="19">
        <v>0</v>
      </c>
    </row>
    <row r="18" spans="1:38" s="13" customFormat="1" ht="17.25" customHeight="1">
      <c r="A18" s="8" t="s">
        <v>48</v>
      </c>
      <c r="B18" s="19">
        <v>21142644</v>
      </c>
      <c r="C18" s="19">
        <v>20962226</v>
      </c>
      <c r="D18" s="19">
        <v>180418</v>
      </c>
      <c r="E18" s="19">
        <v>13198</v>
      </c>
      <c r="F18" s="19">
        <v>0</v>
      </c>
      <c r="G18" s="19">
        <v>167220</v>
      </c>
      <c r="H18" s="19">
        <v>0</v>
      </c>
      <c r="I18" s="19">
        <v>0</v>
      </c>
      <c r="J18" s="19">
        <v>0</v>
      </c>
      <c r="K18" s="19">
        <v>0</v>
      </c>
      <c r="L18" s="19">
        <v>0</v>
      </c>
      <c r="M18" s="19">
        <v>14864724</v>
      </c>
      <c r="N18" s="19">
        <v>14637622</v>
      </c>
      <c r="O18" s="19">
        <v>227102</v>
      </c>
      <c r="P18" s="19">
        <v>0</v>
      </c>
      <c r="Q18" s="19">
        <v>0</v>
      </c>
      <c r="R18" s="19">
        <v>227102</v>
      </c>
      <c r="S18" s="19">
        <v>0</v>
      </c>
      <c r="T18" s="19">
        <v>0</v>
      </c>
      <c r="U18" s="19">
        <v>0</v>
      </c>
      <c r="V18" s="19">
        <v>0</v>
      </c>
      <c r="W18" s="19">
        <v>0</v>
      </c>
      <c r="X18" s="19">
        <v>3099516</v>
      </c>
      <c r="Y18" s="19">
        <v>3061958</v>
      </c>
      <c r="Z18" s="19">
        <v>37558</v>
      </c>
      <c r="AA18" s="19">
        <v>0</v>
      </c>
      <c r="AB18" s="19">
        <v>37558</v>
      </c>
      <c r="AC18" s="19">
        <v>0</v>
      </c>
      <c r="AD18" s="19">
        <v>0</v>
      </c>
      <c r="AE18" s="19">
        <v>0</v>
      </c>
      <c r="AF18" s="19">
        <v>0</v>
      </c>
      <c r="AG18" s="19">
        <v>0</v>
      </c>
      <c r="AH18" s="19">
        <v>0</v>
      </c>
      <c r="AI18" s="19">
        <v>0</v>
      </c>
      <c r="AJ18" s="19">
        <v>0</v>
      </c>
      <c r="AK18" s="19">
        <v>0</v>
      </c>
      <c r="AL18" s="19">
        <v>0</v>
      </c>
    </row>
    <row r="19" spans="1:38" s="13" customFormat="1" ht="17.25" customHeight="1">
      <c r="A19" s="8" t="s">
        <v>49</v>
      </c>
      <c r="B19" s="19">
        <v>21293556</v>
      </c>
      <c r="C19" s="19">
        <v>21045745</v>
      </c>
      <c r="D19" s="19">
        <v>247811</v>
      </c>
      <c r="E19" s="19">
        <v>0</v>
      </c>
      <c r="F19" s="19">
        <v>0</v>
      </c>
      <c r="G19" s="19">
        <v>247811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  <c r="M19" s="19">
        <v>16489220</v>
      </c>
      <c r="N19" s="19">
        <v>16099223</v>
      </c>
      <c r="O19" s="19">
        <v>389997</v>
      </c>
      <c r="P19" s="19">
        <v>0</v>
      </c>
      <c r="Q19" s="19">
        <v>0</v>
      </c>
      <c r="R19" s="19">
        <v>389997</v>
      </c>
      <c r="S19" s="19">
        <v>0</v>
      </c>
      <c r="T19" s="19">
        <v>0</v>
      </c>
      <c r="U19" s="19">
        <v>0</v>
      </c>
      <c r="V19" s="19">
        <v>0</v>
      </c>
      <c r="W19" s="19">
        <v>0</v>
      </c>
      <c r="X19" s="19">
        <v>3331110</v>
      </c>
      <c r="Y19" s="19">
        <v>3193720</v>
      </c>
      <c r="Z19" s="19">
        <v>137390</v>
      </c>
      <c r="AA19" s="19">
        <v>0</v>
      </c>
      <c r="AB19" s="19">
        <v>137390</v>
      </c>
      <c r="AC19" s="19">
        <v>0</v>
      </c>
      <c r="AD19" s="19">
        <v>0</v>
      </c>
      <c r="AE19" s="19">
        <v>0</v>
      </c>
      <c r="AF19" s="19">
        <v>0</v>
      </c>
      <c r="AG19" s="19">
        <v>0</v>
      </c>
      <c r="AH19" s="19">
        <v>0</v>
      </c>
      <c r="AI19" s="19">
        <v>0</v>
      </c>
      <c r="AJ19" s="19">
        <v>0</v>
      </c>
      <c r="AK19" s="19">
        <v>0</v>
      </c>
      <c r="AL19" s="19">
        <v>0</v>
      </c>
    </row>
    <row r="20" spans="1:38" s="13" customFormat="1" ht="17.25" customHeight="1">
      <c r="A20" s="8" t="s">
        <v>50</v>
      </c>
      <c r="B20" s="19">
        <v>9694478</v>
      </c>
      <c r="C20" s="19">
        <v>9474439</v>
      </c>
      <c r="D20" s="19">
        <v>220039</v>
      </c>
      <c r="E20" s="19">
        <v>0</v>
      </c>
      <c r="F20" s="19">
        <v>0</v>
      </c>
      <c r="G20" s="19">
        <v>220039</v>
      </c>
      <c r="H20" s="19">
        <v>0</v>
      </c>
      <c r="I20" s="19">
        <v>0</v>
      </c>
      <c r="J20" s="19">
        <v>0</v>
      </c>
      <c r="K20" s="19">
        <v>0</v>
      </c>
      <c r="L20" s="19">
        <v>0</v>
      </c>
      <c r="M20" s="19">
        <v>7377838</v>
      </c>
      <c r="N20" s="19">
        <v>7230943</v>
      </c>
      <c r="O20" s="19">
        <v>146895</v>
      </c>
      <c r="P20" s="19">
        <v>0</v>
      </c>
      <c r="Q20" s="19">
        <v>0</v>
      </c>
      <c r="R20" s="19">
        <v>146895</v>
      </c>
      <c r="S20" s="19">
        <v>0</v>
      </c>
      <c r="T20" s="19">
        <v>0</v>
      </c>
      <c r="U20" s="19">
        <v>0</v>
      </c>
      <c r="V20" s="19">
        <v>0</v>
      </c>
      <c r="W20" s="19">
        <v>0</v>
      </c>
      <c r="X20" s="19">
        <v>1454128</v>
      </c>
      <c r="Y20" s="19">
        <v>1449421</v>
      </c>
      <c r="Z20" s="19">
        <v>4707</v>
      </c>
      <c r="AA20" s="19">
        <v>0</v>
      </c>
      <c r="AB20" s="19">
        <v>4707</v>
      </c>
      <c r="AC20" s="19">
        <v>0</v>
      </c>
      <c r="AD20" s="19">
        <v>0</v>
      </c>
      <c r="AE20" s="19">
        <v>0</v>
      </c>
      <c r="AF20" s="19">
        <v>0</v>
      </c>
      <c r="AG20" s="19">
        <v>0</v>
      </c>
      <c r="AH20" s="19">
        <v>0</v>
      </c>
      <c r="AI20" s="19">
        <v>0</v>
      </c>
      <c r="AJ20" s="19">
        <v>0</v>
      </c>
      <c r="AK20" s="19">
        <v>0</v>
      </c>
      <c r="AL20" s="19">
        <v>0</v>
      </c>
    </row>
    <row r="21" spans="1:38" s="13" customFormat="1" ht="17.25" customHeight="1">
      <c r="A21" s="8" t="s">
        <v>51</v>
      </c>
      <c r="B21" s="19">
        <v>11811950</v>
      </c>
      <c r="C21" s="19">
        <v>11656296</v>
      </c>
      <c r="D21" s="19">
        <v>155654</v>
      </c>
      <c r="E21" s="19">
        <v>0</v>
      </c>
      <c r="F21" s="19">
        <v>0</v>
      </c>
      <c r="G21" s="19">
        <v>155654</v>
      </c>
      <c r="H21" s="19">
        <v>0</v>
      </c>
      <c r="I21" s="19">
        <v>0</v>
      </c>
      <c r="J21" s="19">
        <v>0</v>
      </c>
      <c r="K21" s="19">
        <v>0</v>
      </c>
      <c r="L21" s="19">
        <v>0</v>
      </c>
      <c r="M21" s="19">
        <v>9339921</v>
      </c>
      <c r="N21" s="19">
        <v>8371407</v>
      </c>
      <c r="O21" s="19">
        <v>968514</v>
      </c>
      <c r="P21" s="19">
        <v>0</v>
      </c>
      <c r="Q21" s="19">
        <v>0</v>
      </c>
      <c r="R21" s="19">
        <v>968514</v>
      </c>
      <c r="S21" s="19">
        <v>0</v>
      </c>
      <c r="T21" s="19">
        <v>0</v>
      </c>
      <c r="U21" s="19">
        <v>0</v>
      </c>
      <c r="V21" s="19">
        <v>0</v>
      </c>
      <c r="W21" s="19">
        <v>0</v>
      </c>
      <c r="X21" s="19">
        <v>1903557</v>
      </c>
      <c r="Y21" s="19">
        <v>1897853</v>
      </c>
      <c r="Z21" s="19">
        <v>5704</v>
      </c>
      <c r="AA21" s="19">
        <v>0</v>
      </c>
      <c r="AB21" s="19">
        <v>5704</v>
      </c>
      <c r="AC21" s="19">
        <v>0</v>
      </c>
      <c r="AD21" s="19">
        <v>0</v>
      </c>
      <c r="AE21" s="19">
        <v>0</v>
      </c>
      <c r="AF21" s="19">
        <v>0</v>
      </c>
      <c r="AG21" s="19">
        <v>0</v>
      </c>
      <c r="AH21" s="19">
        <v>0</v>
      </c>
      <c r="AI21" s="19">
        <v>0</v>
      </c>
      <c r="AJ21" s="19">
        <v>0</v>
      </c>
      <c r="AK21" s="19">
        <v>0</v>
      </c>
      <c r="AL21" s="19">
        <v>0</v>
      </c>
    </row>
    <row r="22" spans="1:38" s="13" customFormat="1" ht="17.25" customHeight="1">
      <c r="A22" s="8" t="s">
        <v>52</v>
      </c>
      <c r="B22" s="19">
        <v>12066391</v>
      </c>
      <c r="C22" s="19">
        <v>11936507</v>
      </c>
      <c r="D22" s="19">
        <v>129884</v>
      </c>
      <c r="E22" s="19">
        <v>0</v>
      </c>
      <c r="F22" s="19">
        <v>0</v>
      </c>
      <c r="G22" s="19">
        <v>129884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9448783</v>
      </c>
      <c r="N22" s="19">
        <v>9065244</v>
      </c>
      <c r="O22" s="19">
        <v>383539</v>
      </c>
      <c r="P22" s="19">
        <v>0</v>
      </c>
      <c r="Q22" s="19">
        <v>0</v>
      </c>
      <c r="R22" s="19">
        <v>383539</v>
      </c>
      <c r="S22" s="19">
        <v>0</v>
      </c>
      <c r="T22" s="19">
        <v>0</v>
      </c>
      <c r="U22" s="19">
        <v>0</v>
      </c>
      <c r="V22" s="19">
        <v>0</v>
      </c>
      <c r="W22" s="19">
        <v>0</v>
      </c>
      <c r="X22" s="19">
        <v>1772759</v>
      </c>
      <c r="Y22" s="19">
        <v>1689861</v>
      </c>
      <c r="Z22" s="19">
        <v>82898</v>
      </c>
      <c r="AA22" s="19">
        <v>0</v>
      </c>
      <c r="AB22" s="19">
        <v>82898</v>
      </c>
      <c r="AC22" s="19">
        <v>0</v>
      </c>
      <c r="AD22" s="19">
        <v>0</v>
      </c>
      <c r="AE22" s="19">
        <v>0</v>
      </c>
      <c r="AF22" s="19">
        <v>0</v>
      </c>
      <c r="AG22" s="19">
        <v>0</v>
      </c>
      <c r="AH22" s="19">
        <v>0</v>
      </c>
      <c r="AI22" s="19">
        <v>0</v>
      </c>
      <c r="AJ22" s="19">
        <v>0</v>
      </c>
      <c r="AK22" s="19">
        <v>0</v>
      </c>
      <c r="AL22" s="19">
        <v>0</v>
      </c>
    </row>
    <row r="23" spans="1:38" s="13" customFormat="1" ht="17.25" customHeight="1">
      <c r="A23" s="8" t="s">
        <v>53</v>
      </c>
      <c r="B23" s="19">
        <v>4005028</v>
      </c>
      <c r="C23" s="19">
        <v>3953872</v>
      </c>
      <c r="D23" s="19">
        <v>51156</v>
      </c>
      <c r="E23" s="19">
        <v>0</v>
      </c>
      <c r="F23" s="19">
        <v>0</v>
      </c>
      <c r="G23" s="19">
        <v>51156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3676835</v>
      </c>
      <c r="N23" s="19">
        <v>3467453</v>
      </c>
      <c r="O23" s="19">
        <v>209382</v>
      </c>
      <c r="P23" s="19">
        <v>0</v>
      </c>
      <c r="Q23" s="19">
        <v>0</v>
      </c>
      <c r="R23" s="19">
        <v>209382</v>
      </c>
      <c r="S23" s="19">
        <v>0</v>
      </c>
      <c r="T23" s="19">
        <v>0</v>
      </c>
      <c r="U23" s="19">
        <v>0</v>
      </c>
      <c r="V23" s="19">
        <v>0</v>
      </c>
      <c r="W23" s="19">
        <v>0</v>
      </c>
      <c r="X23" s="19">
        <v>750794</v>
      </c>
      <c r="Y23" s="19">
        <v>724330</v>
      </c>
      <c r="Z23" s="19">
        <v>26464</v>
      </c>
      <c r="AA23" s="19">
        <v>0</v>
      </c>
      <c r="AB23" s="19">
        <v>26464</v>
      </c>
      <c r="AC23" s="19">
        <v>0</v>
      </c>
      <c r="AD23" s="19">
        <v>0</v>
      </c>
      <c r="AE23" s="19">
        <v>0</v>
      </c>
      <c r="AF23" s="19">
        <v>0</v>
      </c>
      <c r="AG23" s="19">
        <v>0</v>
      </c>
      <c r="AH23" s="19">
        <v>0</v>
      </c>
      <c r="AI23" s="19">
        <v>0</v>
      </c>
      <c r="AJ23" s="19">
        <v>0</v>
      </c>
      <c r="AK23" s="19">
        <v>0</v>
      </c>
      <c r="AL23" s="19">
        <v>0</v>
      </c>
    </row>
    <row r="24" spans="1:38" ht="17.25" customHeight="1">
      <c r="A24" s="22" t="s">
        <v>54</v>
      </c>
      <c r="B24" s="23">
        <v>8255710</v>
      </c>
      <c r="C24" s="23">
        <v>8231206</v>
      </c>
      <c r="D24" s="19">
        <v>24504</v>
      </c>
      <c r="E24" s="23">
        <v>0</v>
      </c>
      <c r="F24" s="23">
        <v>0</v>
      </c>
      <c r="G24" s="23">
        <v>24504</v>
      </c>
      <c r="H24" s="23">
        <v>0</v>
      </c>
      <c r="I24" s="23">
        <v>0</v>
      </c>
      <c r="J24" s="19">
        <v>0</v>
      </c>
      <c r="K24" s="23">
        <v>0</v>
      </c>
      <c r="L24" s="23">
        <v>0</v>
      </c>
      <c r="M24" s="23">
        <v>5652496</v>
      </c>
      <c r="N24" s="23">
        <v>5566119</v>
      </c>
      <c r="O24" s="19">
        <v>86377</v>
      </c>
      <c r="P24" s="23">
        <v>0</v>
      </c>
      <c r="Q24" s="23">
        <v>0</v>
      </c>
      <c r="R24" s="23">
        <v>86377</v>
      </c>
      <c r="S24" s="23">
        <v>57346</v>
      </c>
      <c r="T24" s="23">
        <v>57346</v>
      </c>
      <c r="U24" s="19">
        <v>0</v>
      </c>
      <c r="V24" s="23">
        <v>0</v>
      </c>
      <c r="W24" s="23">
        <v>0</v>
      </c>
      <c r="X24" s="23">
        <v>1256209</v>
      </c>
      <c r="Y24" s="23">
        <v>1241113</v>
      </c>
      <c r="Z24" s="19">
        <v>15096</v>
      </c>
      <c r="AA24" s="23">
        <v>0</v>
      </c>
      <c r="AB24" s="23">
        <v>15096</v>
      </c>
      <c r="AC24" s="23">
        <v>0</v>
      </c>
      <c r="AD24" s="23">
        <v>0</v>
      </c>
      <c r="AE24" s="19">
        <v>0</v>
      </c>
      <c r="AF24" s="23">
        <v>0</v>
      </c>
      <c r="AG24" s="23">
        <v>0</v>
      </c>
      <c r="AH24" s="23">
        <v>0</v>
      </c>
      <c r="AI24" s="23">
        <v>0</v>
      </c>
      <c r="AJ24" s="23">
        <v>0</v>
      </c>
      <c r="AK24" s="23">
        <v>0</v>
      </c>
      <c r="AL24" s="23">
        <v>0</v>
      </c>
    </row>
    <row r="25" spans="1:38" ht="17.25" customHeight="1">
      <c r="A25" s="8" t="s">
        <v>55</v>
      </c>
      <c r="B25" s="19">
        <v>3332999</v>
      </c>
      <c r="C25" s="19">
        <v>3238556</v>
      </c>
      <c r="D25" s="19">
        <v>94443</v>
      </c>
      <c r="E25" s="19">
        <v>0</v>
      </c>
      <c r="F25" s="19">
        <v>0</v>
      </c>
      <c r="G25" s="19">
        <v>94443</v>
      </c>
      <c r="H25" s="19">
        <v>0</v>
      </c>
      <c r="I25" s="19">
        <v>0</v>
      </c>
      <c r="J25" s="19">
        <v>0</v>
      </c>
      <c r="K25" s="19">
        <v>0</v>
      </c>
      <c r="L25" s="19">
        <v>0</v>
      </c>
      <c r="M25" s="19">
        <v>2972497</v>
      </c>
      <c r="N25" s="19">
        <v>2901040</v>
      </c>
      <c r="O25" s="19">
        <v>71457</v>
      </c>
      <c r="P25" s="19">
        <v>0</v>
      </c>
      <c r="Q25" s="19">
        <v>0</v>
      </c>
      <c r="R25" s="19">
        <v>71457</v>
      </c>
      <c r="S25" s="19">
        <v>0</v>
      </c>
      <c r="T25" s="19">
        <v>0</v>
      </c>
      <c r="U25" s="19">
        <v>0</v>
      </c>
      <c r="V25" s="19">
        <v>0</v>
      </c>
      <c r="W25" s="19">
        <v>0</v>
      </c>
      <c r="X25" s="19">
        <v>785316</v>
      </c>
      <c r="Y25" s="19">
        <v>714802</v>
      </c>
      <c r="Z25" s="19">
        <v>70514</v>
      </c>
      <c r="AA25" s="19">
        <v>0</v>
      </c>
      <c r="AB25" s="19">
        <v>70514</v>
      </c>
      <c r="AC25" s="19">
        <v>0</v>
      </c>
      <c r="AD25" s="19">
        <v>0</v>
      </c>
      <c r="AE25" s="19">
        <v>0</v>
      </c>
      <c r="AF25" s="19">
        <v>0</v>
      </c>
      <c r="AG25" s="19">
        <v>0</v>
      </c>
      <c r="AH25" s="19">
        <v>0</v>
      </c>
      <c r="AI25" s="19">
        <v>0</v>
      </c>
      <c r="AJ25" s="19">
        <v>0</v>
      </c>
      <c r="AK25" s="19">
        <v>0</v>
      </c>
      <c r="AL25" s="19">
        <v>0</v>
      </c>
    </row>
    <row r="26" spans="1:38" s="13" customFormat="1" ht="17.25" customHeight="1">
      <c r="A26" s="8" t="s">
        <v>56</v>
      </c>
      <c r="B26" s="19">
        <v>4933206</v>
      </c>
      <c r="C26" s="19">
        <v>4731179</v>
      </c>
      <c r="D26" s="19">
        <v>202027</v>
      </c>
      <c r="E26" s="19">
        <v>0</v>
      </c>
      <c r="F26" s="19">
        <v>0</v>
      </c>
      <c r="G26" s="19">
        <v>202027</v>
      </c>
      <c r="H26" s="19">
        <v>0</v>
      </c>
      <c r="I26" s="19">
        <v>0</v>
      </c>
      <c r="J26" s="19">
        <v>0</v>
      </c>
      <c r="K26" s="19">
        <v>0</v>
      </c>
      <c r="L26" s="19">
        <v>0</v>
      </c>
      <c r="M26" s="19">
        <v>3728171</v>
      </c>
      <c r="N26" s="19">
        <v>3368431</v>
      </c>
      <c r="O26" s="19">
        <v>359740</v>
      </c>
      <c r="P26" s="19">
        <v>0</v>
      </c>
      <c r="Q26" s="19">
        <v>0</v>
      </c>
      <c r="R26" s="19">
        <v>359740</v>
      </c>
      <c r="S26" s="19">
        <v>0</v>
      </c>
      <c r="T26" s="19">
        <v>0</v>
      </c>
      <c r="U26" s="19">
        <v>0</v>
      </c>
      <c r="V26" s="19">
        <v>0</v>
      </c>
      <c r="W26" s="19">
        <v>0</v>
      </c>
      <c r="X26" s="19">
        <v>696897</v>
      </c>
      <c r="Y26" s="19">
        <v>669116</v>
      </c>
      <c r="Z26" s="19">
        <v>27781</v>
      </c>
      <c r="AA26" s="19">
        <v>0</v>
      </c>
      <c r="AB26" s="19">
        <v>27781</v>
      </c>
      <c r="AC26" s="19">
        <v>0</v>
      </c>
      <c r="AD26" s="19">
        <v>0</v>
      </c>
      <c r="AE26" s="19">
        <v>0</v>
      </c>
      <c r="AF26" s="19">
        <v>0</v>
      </c>
      <c r="AG26" s="19">
        <v>0</v>
      </c>
      <c r="AH26" s="19">
        <v>0</v>
      </c>
      <c r="AI26" s="19">
        <v>0</v>
      </c>
      <c r="AJ26" s="19">
        <v>0</v>
      </c>
      <c r="AK26" s="19">
        <v>0</v>
      </c>
      <c r="AL26" s="19">
        <v>0</v>
      </c>
    </row>
    <row r="27" spans="1:38" s="13" customFormat="1" ht="17.25" customHeight="1">
      <c r="A27" s="8" t="s">
        <v>57</v>
      </c>
      <c r="B27" s="19">
        <v>3596953</v>
      </c>
      <c r="C27" s="19">
        <v>3525043</v>
      </c>
      <c r="D27" s="19">
        <v>71910</v>
      </c>
      <c r="E27" s="19">
        <v>0</v>
      </c>
      <c r="F27" s="19">
        <v>0</v>
      </c>
      <c r="G27" s="19">
        <v>7191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3164104</v>
      </c>
      <c r="N27" s="19">
        <v>2972174</v>
      </c>
      <c r="O27" s="19">
        <v>191930</v>
      </c>
      <c r="P27" s="19">
        <v>0</v>
      </c>
      <c r="Q27" s="19">
        <v>0</v>
      </c>
      <c r="R27" s="19">
        <v>191930</v>
      </c>
      <c r="S27" s="19">
        <v>0</v>
      </c>
      <c r="T27" s="19">
        <v>0</v>
      </c>
      <c r="U27" s="19">
        <v>0</v>
      </c>
      <c r="V27" s="19">
        <v>0</v>
      </c>
      <c r="W27" s="19">
        <v>0</v>
      </c>
      <c r="X27" s="19">
        <v>685361</v>
      </c>
      <c r="Y27" s="19">
        <v>666238</v>
      </c>
      <c r="Z27" s="19">
        <v>19123</v>
      </c>
      <c r="AA27" s="19">
        <v>0</v>
      </c>
      <c r="AB27" s="19">
        <v>19123</v>
      </c>
      <c r="AC27" s="19">
        <v>0</v>
      </c>
      <c r="AD27" s="19">
        <v>0</v>
      </c>
      <c r="AE27" s="19">
        <v>0</v>
      </c>
      <c r="AF27" s="19">
        <v>0</v>
      </c>
      <c r="AG27" s="19">
        <v>0</v>
      </c>
      <c r="AH27" s="19">
        <v>0</v>
      </c>
      <c r="AI27" s="19">
        <v>0</v>
      </c>
      <c r="AJ27" s="19">
        <v>0</v>
      </c>
      <c r="AK27" s="19">
        <v>0</v>
      </c>
      <c r="AL27" s="19">
        <v>0</v>
      </c>
    </row>
    <row r="28" spans="1:38" s="13" customFormat="1" ht="17.25" customHeight="1">
      <c r="A28" s="8" t="s">
        <v>58</v>
      </c>
      <c r="B28" s="19">
        <v>2831638</v>
      </c>
      <c r="C28" s="19">
        <v>2804433</v>
      </c>
      <c r="D28" s="19">
        <v>27205</v>
      </c>
      <c r="E28" s="19">
        <v>0</v>
      </c>
      <c r="F28" s="19">
        <v>0</v>
      </c>
      <c r="G28" s="19">
        <v>27205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  <c r="M28" s="19">
        <v>2687851</v>
      </c>
      <c r="N28" s="19">
        <v>2616705</v>
      </c>
      <c r="O28" s="19">
        <v>71146</v>
      </c>
      <c r="P28" s="19">
        <v>0</v>
      </c>
      <c r="Q28" s="19">
        <v>0</v>
      </c>
      <c r="R28" s="19">
        <v>71146</v>
      </c>
      <c r="S28" s="19">
        <v>0</v>
      </c>
      <c r="T28" s="19">
        <v>0</v>
      </c>
      <c r="U28" s="19">
        <v>0</v>
      </c>
      <c r="V28" s="19">
        <v>0</v>
      </c>
      <c r="W28" s="19">
        <v>0</v>
      </c>
      <c r="X28" s="19">
        <v>647974</v>
      </c>
      <c r="Y28" s="19">
        <v>642626</v>
      </c>
      <c r="Z28" s="19">
        <v>5348</v>
      </c>
      <c r="AA28" s="19">
        <v>0</v>
      </c>
      <c r="AB28" s="19">
        <v>5348</v>
      </c>
      <c r="AC28" s="19">
        <v>0</v>
      </c>
      <c r="AD28" s="19">
        <v>0</v>
      </c>
      <c r="AE28" s="19">
        <v>0</v>
      </c>
      <c r="AF28" s="19">
        <v>0</v>
      </c>
      <c r="AG28" s="19">
        <v>0</v>
      </c>
      <c r="AH28" s="19">
        <v>0</v>
      </c>
      <c r="AI28" s="19">
        <v>0</v>
      </c>
      <c r="AJ28" s="19">
        <v>0</v>
      </c>
      <c r="AK28" s="19">
        <v>0</v>
      </c>
      <c r="AL28" s="19">
        <v>0</v>
      </c>
    </row>
    <row r="29" spans="1:38" s="13" customFormat="1" ht="17.25" customHeight="1">
      <c r="A29" s="8" t="s">
        <v>59</v>
      </c>
      <c r="B29" s="19">
        <v>1133968</v>
      </c>
      <c r="C29" s="19">
        <v>1105843</v>
      </c>
      <c r="D29" s="19">
        <v>28125</v>
      </c>
      <c r="E29" s="19">
        <v>0</v>
      </c>
      <c r="F29" s="19">
        <v>0</v>
      </c>
      <c r="G29" s="19">
        <v>28125</v>
      </c>
      <c r="H29" s="19">
        <v>0</v>
      </c>
      <c r="I29" s="19">
        <v>0</v>
      </c>
      <c r="J29" s="19">
        <v>0</v>
      </c>
      <c r="K29" s="19">
        <v>0</v>
      </c>
      <c r="L29" s="19">
        <v>0</v>
      </c>
      <c r="M29" s="19">
        <v>868123</v>
      </c>
      <c r="N29" s="19">
        <v>835002</v>
      </c>
      <c r="O29" s="19">
        <v>33121</v>
      </c>
      <c r="P29" s="19">
        <v>0</v>
      </c>
      <c r="Q29" s="19">
        <v>0</v>
      </c>
      <c r="R29" s="19">
        <v>33121</v>
      </c>
      <c r="S29" s="19">
        <v>0</v>
      </c>
      <c r="T29" s="19">
        <v>0</v>
      </c>
      <c r="U29" s="19">
        <v>0</v>
      </c>
      <c r="V29" s="19">
        <v>0</v>
      </c>
      <c r="W29" s="19">
        <v>0</v>
      </c>
      <c r="X29" s="19">
        <v>165446</v>
      </c>
      <c r="Y29" s="19">
        <v>159465</v>
      </c>
      <c r="Z29" s="19">
        <v>5981</v>
      </c>
      <c r="AA29" s="19">
        <v>0</v>
      </c>
      <c r="AB29" s="19">
        <v>5981</v>
      </c>
      <c r="AC29" s="19">
        <v>0</v>
      </c>
      <c r="AD29" s="19">
        <v>0</v>
      </c>
      <c r="AE29" s="19">
        <v>0</v>
      </c>
      <c r="AF29" s="19">
        <v>0</v>
      </c>
      <c r="AG29" s="19">
        <v>0</v>
      </c>
      <c r="AH29" s="19">
        <v>0</v>
      </c>
      <c r="AI29" s="19">
        <v>0</v>
      </c>
      <c r="AJ29" s="19">
        <v>0</v>
      </c>
      <c r="AK29" s="19">
        <v>0</v>
      </c>
      <c r="AL29" s="19">
        <v>0</v>
      </c>
    </row>
    <row r="30" spans="1:38" s="13" customFormat="1" ht="17.25" customHeight="1">
      <c r="A30" s="8" t="s">
        <v>60</v>
      </c>
      <c r="B30" s="19">
        <v>1479520</v>
      </c>
      <c r="C30" s="19">
        <v>1418629</v>
      </c>
      <c r="D30" s="19">
        <v>60891</v>
      </c>
      <c r="E30" s="19">
        <v>0</v>
      </c>
      <c r="F30" s="19">
        <v>0</v>
      </c>
      <c r="G30" s="19">
        <v>60891</v>
      </c>
      <c r="H30" s="19">
        <v>0</v>
      </c>
      <c r="I30" s="19">
        <v>0</v>
      </c>
      <c r="J30" s="19">
        <v>0</v>
      </c>
      <c r="K30" s="19">
        <v>0</v>
      </c>
      <c r="L30" s="19">
        <v>0</v>
      </c>
      <c r="M30" s="19">
        <v>1207308</v>
      </c>
      <c r="N30" s="19">
        <v>1166134</v>
      </c>
      <c r="O30" s="19">
        <v>41174</v>
      </c>
      <c r="P30" s="19">
        <v>0</v>
      </c>
      <c r="Q30" s="19">
        <v>0</v>
      </c>
      <c r="R30" s="19">
        <v>41174</v>
      </c>
      <c r="S30" s="19">
        <v>6491</v>
      </c>
      <c r="T30" s="19">
        <v>6491</v>
      </c>
      <c r="U30" s="19">
        <v>0</v>
      </c>
      <c r="V30" s="19">
        <v>0</v>
      </c>
      <c r="W30" s="19">
        <v>0</v>
      </c>
      <c r="X30" s="19">
        <v>264677</v>
      </c>
      <c r="Y30" s="19">
        <v>261228</v>
      </c>
      <c r="Z30" s="19">
        <v>3449</v>
      </c>
      <c r="AA30" s="19">
        <v>0</v>
      </c>
      <c r="AB30" s="19">
        <v>3449</v>
      </c>
      <c r="AC30" s="19">
        <v>0</v>
      </c>
      <c r="AD30" s="19">
        <v>0</v>
      </c>
      <c r="AE30" s="19">
        <v>0</v>
      </c>
      <c r="AF30" s="19">
        <v>0</v>
      </c>
      <c r="AG30" s="19">
        <v>0</v>
      </c>
      <c r="AH30" s="19">
        <v>0</v>
      </c>
      <c r="AI30" s="19">
        <v>0</v>
      </c>
      <c r="AJ30" s="19">
        <v>0</v>
      </c>
      <c r="AK30" s="19">
        <v>0</v>
      </c>
      <c r="AL30" s="19">
        <v>0</v>
      </c>
    </row>
    <row r="31" spans="1:38" s="13" customFormat="1" ht="17.25" customHeight="1">
      <c r="A31" s="8" t="s">
        <v>61</v>
      </c>
      <c r="B31" s="19">
        <v>1223788</v>
      </c>
      <c r="C31" s="19">
        <v>1146310</v>
      </c>
      <c r="D31" s="19">
        <v>77478</v>
      </c>
      <c r="E31" s="19">
        <v>0</v>
      </c>
      <c r="F31" s="19">
        <v>0</v>
      </c>
      <c r="G31" s="19">
        <v>77478</v>
      </c>
      <c r="H31" s="19">
        <v>67190</v>
      </c>
      <c r="I31" s="19">
        <v>49895</v>
      </c>
      <c r="J31" s="19">
        <v>17295</v>
      </c>
      <c r="K31" s="19">
        <v>0</v>
      </c>
      <c r="L31" s="19">
        <v>17295</v>
      </c>
      <c r="M31" s="19">
        <v>1144664</v>
      </c>
      <c r="N31" s="19">
        <v>1065101</v>
      </c>
      <c r="O31" s="19">
        <v>79563</v>
      </c>
      <c r="P31" s="19">
        <v>0</v>
      </c>
      <c r="Q31" s="19">
        <v>0</v>
      </c>
      <c r="R31" s="19">
        <v>79563</v>
      </c>
      <c r="S31" s="19">
        <v>12388</v>
      </c>
      <c r="T31" s="19">
        <v>12388</v>
      </c>
      <c r="U31" s="19">
        <v>0</v>
      </c>
      <c r="V31" s="19">
        <v>0</v>
      </c>
      <c r="W31" s="19">
        <v>0</v>
      </c>
      <c r="X31" s="19">
        <v>189137</v>
      </c>
      <c r="Y31" s="19">
        <v>184422</v>
      </c>
      <c r="Z31" s="19">
        <v>4715</v>
      </c>
      <c r="AA31" s="19">
        <v>0</v>
      </c>
      <c r="AB31" s="19">
        <v>4715</v>
      </c>
      <c r="AC31" s="19">
        <v>0</v>
      </c>
      <c r="AD31" s="19">
        <v>0</v>
      </c>
      <c r="AE31" s="19">
        <v>0</v>
      </c>
      <c r="AF31" s="19">
        <v>0</v>
      </c>
      <c r="AG31" s="19">
        <v>0</v>
      </c>
      <c r="AH31" s="19">
        <v>0</v>
      </c>
      <c r="AI31" s="19">
        <v>0</v>
      </c>
      <c r="AJ31" s="19">
        <v>0</v>
      </c>
      <c r="AK31" s="19">
        <v>0</v>
      </c>
      <c r="AL31" s="19">
        <v>0</v>
      </c>
    </row>
    <row r="32" spans="1:38" s="13" customFormat="1" ht="17.25" customHeight="1">
      <c r="A32" s="8" t="s">
        <v>62</v>
      </c>
      <c r="B32" s="19">
        <v>1391772</v>
      </c>
      <c r="C32" s="19">
        <v>1380419</v>
      </c>
      <c r="D32" s="19">
        <v>11353</v>
      </c>
      <c r="E32" s="19">
        <v>0</v>
      </c>
      <c r="F32" s="19">
        <v>0</v>
      </c>
      <c r="G32" s="19">
        <v>11353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1253341</v>
      </c>
      <c r="N32" s="19">
        <v>1233597</v>
      </c>
      <c r="O32" s="19">
        <v>19744</v>
      </c>
      <c r="P32" s="19">
        <v>0</v>
      </c>
      <c r="Q32" s="19">
        <v>0</v>
      </c>
      <c r="R32" s="19">
        <v>19744</v>
      </c>
      <c r="S32" s="19">
        <v>0</v>
      </c>
      <c r="T32" s="19">
        <v>0</v>
      </c>
      <c r="U32" s="19">
        <v>0</v>
      </c>
      <c r="V32" s="19">
        <v>0</v>
      </c>
      <c r="W32" s="19">
        <v>0</v>
      </c>
      <c r="X32" s="19">
        <v>196066</v>
      </c>
      <c r="Y32" s="19">
        <v>194482</v>
      </c>
      <c r="Z32" s="19">
        <v>1584</v>
      </c>
      <c r="AA32" s="19">
        <v>0</v>
      </c>
      <c r="AB32" s="19">
        <v>1584</v>
      </c>
      <c r="AC32" s="19">
        <v>0</v>
      </c>
      <c r="AD32" s="19">
        <v>0</v>
      </c>
      <c r="AE32" s="19">
        <v>0</v>
      </c>
      <c r="AF32" s="19">
        <v>0</v>
      </c>
      <c r="AG32" s="19">
        <v>0</v>
      </c>
      <c r="AH32" s="19">
        <v>0</v>
      </c>
      <c r="AI32" s="19">
        <v>0</v>
      </c>
      <c r="AJ32" s="19">
        <v>0</v>
      </c>
      <c r="AK32" s="19">
        <v>0</v>
      </c>
      <c r="AL32" s="19">
        <v>0</v>
      </c>
    </row>
    <row r="33" spans="1:38" s="13" customFormat="1" ht="17.25" customHeight="1">
      <c r="A33" s="8" t="s">
        <v>63</v>
      </c>
      <c r="B33" s="19">
        <v>1570906</v>
      </c>
      <c r="C33" s="19">
        <v>1504275</v>
      </c>
      <c r="D33" s="19">
        <v>66631</v>
      </c>
      <c r="E33" s="19">
        <v>0</v>
      </c>
      <c r="F33" s="19">
        <v>0</v>
      </c>
      <c r="G33" s="19">
        <v>66631</v>
      </c>
      <c r="H33" s="19">
        <v>0</v>
      </c>
      <c r="I33" s="19">
        <v>0</v>
      </c>
      <c r="J33" s="19">
        <v>0</v>
      </c>
      <c r="K33" s="19">
        <v>0</v>
      </c>
      <c r="L33" s="19">
        <v>0</v>
      </c>
      <c r="M33" s="19">
        <v>1232696</v>
      </c>
      <c r="N33" s="19">
        <v>1189998</v>
      </c>
      <c r="O33" s="19">
        <v>42698</v>
      </c>
      <c r="P33" s="19">
        <v>0</v>
      </c>
      <c r="Q33" s="19">
        <v>0</v>
      </c>
      <c r="R33" s="19">
        <v>42698</v>
      </c>
      <c r="S33" s="19">
        <v>0</v>
      </c>
      <c r="T33" s="19">
        <v>0</v>
      </c>
      <c r="U33" s="19">
        <v>0</v>
      </c>
      <c r="V33" s="19">
        <v>0</v>
      </c>
      <c r="W33" s="19">
        <v>0</v>
      </c>
      <c r="X33" s="19">
        <v>244154</v>
      </c>
      <c r="Y33" s="19">
        <v>233453</v>
      </c>
      <c r="Z33" s="19">
        <v>10701</v>
      </c>
      <c r="AA33" s="19">
        <v>0</v>
      </c>
      <c r="AB33" s="19">
        <v>10701</v>
      </c>
      <c r="AC33" s="19">
        <v>0</v>
      </c>
      <c r="AD33" s="19">
        <v>0</v>
      </c>
      <c r="AE33" s="19">
        <v>0</v>
      </c>
      <c r="AF33" s="19">
        <v>0</v>
      </c>
      <c r="AG33" s="19">
        <v>0</v>
      </c>
      <c r="AH33" s="19">
        <v>0</v>
      </c>
      <c r="AI33" s="19">
        <v>0</v>
      </c>
      <c r="AJ33" s="19">
        <v>0</v>
      </c>
      <c r="AK33" s="19">
        <v>0</v>
      </c>
      <c r="AL33" s="19">
        <v>0</v>
      </c>
    </row>
    <row r="34" spans="1:38" s="13" customFormat="1" ht="17.25" customHeight="1">
      <c r="A34" s="8" t="s">
        <v>64</v>
      </c>
      <c r="B34" s="19">
        <v>1388656</v>
      </c>
      <c r="C34" s="19">
        <v>1333958</v>
      </c>
      <c r="D34" s="19">
        <v>54698</v>
      </c>
      <c r="E34" s="19">
        <v>0</v>
      </c>
      <c r="F34" s="19">
        <v>0</v>
      </c>
      <c r="G34" s="19">
        <v>54698</v>
      </c>
      <c r="H34" s="19">
        <v>0</v>
      </c>
      <c r="I34" s="19">
        <v>0</v>
      </c>
      <c r="J34" s="19">
        <v>0</v>
      </c>
      <c r="K34" s="19">
        <v>0</v>
      </c>
      <c r="L34" s="19">
        <v>0</v>
      </c>
      <c r="M34" s="19">
        <v>1404954</v>
      </c>
      <c r="N34" s="19">
        <v>1354746</v>
      </c>
      <c r="O34" s="19">
        <v>50208</v>
      </c>
      <c r="P34" s="19">
        <v>0</v>
      </c>
      <c r="Q34" s="19">
        <v>0</v>
      </c>
      <c r="R34" s="19">
        <v>50208</v>
      </c>
      <c r="S34" s="19">
        <v>0</v>
      </c>
      <c r="T34" s="19">
        <v>0</v>
      </c>
      <c r="U34" s="19">
        <v>0</v>
      </c>
      <c r="V34" s="19">
        <v>0</v>
      </c>
      <c r="W34" s="19">
        <v>0</v>
      </c>
      <c r="X34" s="19">
        <v>226908</v>
      </c>
      <c r="Y34" s="19">
        <v>215938</v>
      </c>
      <c r="Z34" s="19">
        <v>10970</v>
      </c>
      <c r="AA34" s="19">
        <v>0</v>
      </c>
      <c r="AB34" s="19">
        <v>10970</v>
      </c>
      <c r="AC34" s="19">
        <v>0</v>
      </c>
      <c r="AD34" s="19">
        <v>0</v>
      </c>
      <c r="AE34" s="19">
        <v>0</v>
      </c>
      <c r="AF34" s="19">
        <v>0</v>
      </c>
      <c r="AG34" s="19">
        <v>0</v>
      </c>
      <c r="AH34" s="19">
        <v>0</v>
      </c>
      <c r="AI34" s="19">
        <v>0</v>
      </c>
      <c r="AJ34" s="19">
        <v>0</v>
      </c>
      <c r="AK34" s="19">
        <v>0</v>
      </c>
      <c r="AL34" s="19">
        <v>0</v>
      </c>
    </row>
    <row r="35" spans="1:38" s="13" customFormat="1" ht="17.25" customHeight="1">
      <c r="A35" s="8" t="s">
        <v>65</v>
      </c>
      <c r="B35" s="19">
        <v>1084823</v>
      </c>
      <c r="C35" s="19">
        <v>1016851</v>
      </c>
      <c r="D35" s="19">
        <v>67972</v>
      </c>
      <c r="E35" s="19">
        <v>0</v>
      </c>
      <c r="F35" s="19">
        <v>0</v>
      </c>
      <c r="G35" s="19">
        <v>67972</v>
      </c>
      <c r="H35" s="19">
        <v>97091</v>
      </c>
      <c r="I35" s="19">
        <v>95777</v>
      </c>
      <c r="J35" s="19">
        <v>1314</v>
      </c>
      <c r="K35" s="19">
        <v>0</v>
      </c>
      <c r="L35" s="19">
        <v>1314</v>
      </c>
      <c r="M35" s="19">
        <v>992601</v>
      </c>
      <c r="N35" s="19">
        <v>933981</v>
      </c>
      <c r="O35" s="19">
        <v>58620</v>
      </c>
      <c r="P35" s="19">
        <v>0</v>
      </c>
      <c r="Q35" s="19">
        <v>0</v>
      </c>
      <c r="R35" s="19">
        <v>58620</v>
      </c>
      <c r="S35" s="19">
        <v>5482</v>
      </c>
      <c r="T35" s="19">
        <v>4800</v>
      </c>
      <c r="U35" s="19">
        <v>682</v>
      </c>
      <c r="V35" s="19">
        <v>0</v>
      </c>
      <c r="W35" s="19">
        <v>682</v>
      </c>
      <c r="X35" s="19">
        <v>153445</v>
      </c>
      <c r="Y35" s="19">
        <v>151741</v>
      </c>
      <c r="Z35" s="19">
        <v>1704</v>
      </c>
      <c r="AA35" s="19">
        <v>0</v>
      </c>
      <c r="AB35" s="19">
        <v>1704</v>
      </c>
      <c r="AC35" s="19">
        <v>0</v>
      </c>
      <c r="AD35" s="19">
        <v>0</v>
      </c>
      <c r="AE35" s="19">
        <v>0</v>
      </c>
      <c r="AF35" s="19">
        <v>0</v>
      </c>
      <c r="AG35" s="19">
        <v>0</v>
      </c>
      <c r="AH35" s="19">
        <v>0</v>
      </c>
      <c r="AI35" s="19">
        <v>0</v>
      </c>
      <c r="AJ35" s="19">
        <v>0</v>
      </c>
      <c r="AK35" s="19">
        <v>0</v>
      </c>
      <c r="AL35" s="19">
        <v>0</v>
      </c>
    </row>
    <row r="36" spans="1:38" s="13" customFormat="1" ht="17.25" customHeight="1">
      <c r="A36" s="8" t="s">
        <v>66</v>
      </c>
      <c r="B36" s="19">
        <v>3095828</v>
      </c>
      <c r="C36" s="19">
        <v>2907791</v>
      </c>
      <c r="D36" s="19">
        <v>188037</v>
      </c>
      <c r="E36" s="19">
        <v>0</v>
      </c>
      <c r="F36" s="19">
        <v>0</v>
      </c>
      <c r="G36" s="19">
        <v>188037</v>
      </c>
      <c r="H36" s="19">
        <v>0</v>
      </c>
      <c r="I36" s="19">
        <v>0</v>
      </c>
      <c r="J36" s="19">
        <v>0</v>
      </c>
      <c r="K36" s="19">
        <v>0</v>
      </c>
      <c r="L36" s="19">
        <v>0</v>
      </c>
      <c r="M36" s="19">
        <v>2771270</v>
      </c>
      <c r="N36" s="19">
        <v>2752183</v>
      </c>
      <c r="O36" s="19">
        <v>19087</v>
      </c>
      <c r="P36" s="19">
        <v>0</v>
      </c>
      <c r="Q36" s="19">
        <v>0</v>
      </c>
      <c r="R36" s="19">
        <v>19087</v>
      </c>
      <c r="S36" s="19">
        <v>21572</v>
      </c>
      <c r="T36" s="19">
        <v>11153</v>
      </c>
      <c r="U36" s="19">
        <v>10419</v>
      </c>
      <c r="V36" s="19">
        <v>0</v>
      </c>
      <c r="W36" s="19">
        <v>10419</v>
      </c>
      <c r="X36" s="19">
        <v>494676</v>
      </c>
      <c r="Y36" s="19">
        <v>481217</v>
      </c>
      <c r="Z36" s="19">
        <v>13459</v>
      </c>
      <c r="AA36" s="19">
        <v>0</v>
      </c>
      <c r="AB36" s="19">
        <v>13459</v>
      </c>
      <c r="AC36" s="19">
        <v>0</v>
      </c>
      <c r="AD36" s="19">
        <v>0</v>
      </c>
      <c r="AE36" s="19">
        <v>0</v>
      </c>
      <c r="AF36" s="19">
        <v>0</v>
      </c>
      <c r="AG36" s="19">
        <v>0</v>
      </c>
      <c r="AH36" s="19">
        <v>0</v>
      </c>
      <c r="AI36" s="19">
        <v>0</v>
      </c>
      <c r="AJ36" s="19">
        <v>0</v>
      </c>
      <c r="AK36" s="19">
        <v>0</v>
      </c>
      <c r="AL36" s="19">
        <v>0</v>
      </c>
    </row>
    <row r="37" spans="1:38" s="13" customFormat="1" ht="17.25" customHeight="1">
      <c r="A37" s="8" t="s">
        <v>67</v>
      </c>
      <c r="B37" s="19">
        <v>4745772</v>
      </c>
      <c r="C37" s="19">
        <v>4729297</v>
      </c>
      <c r="D37" s="19">
        <v>16475</v>
      </c>
      <c r="E37" s="19">
        <v>0</v>
      </c>
      <c r="F37" s="19">
        <v>0</v>
      </c>
      <c r="G37" s="19">
        <v>16475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3130472</v>
      </c>
      <c r="N37" s="19">
        <v>3107653</v>
      </c>
      <c r="O37" s="19">
        <v>22819</v>
      </c>
      <c r="P37" s="19">
        <v>0</v>
      </c>
      <c r="Q37" s="19">
        <v>0</v>
      </c>
      <c r="R37" s="19">
        <v>22819</v>
      </c>
      <c r="S37" s="19">
        <v>0</v>
      </c>
      <c r="T37" s="19">
        <v>0</v>
      </c>
      <c r="U37" s="19">
        <v>0</v>
      </c>
      <c r="V37" s="19">
        <v>0</v>
      </c>
      <c r="W37" s="19">
        <v>0</v>
      </c>
      <c r="X37" s="19">
        <v>553559</v>
      </c>
      <c r="Y37" s="19">
        <v>530786</v>
      </c>
      <c r="Z37" s="19">
        <v>22773</v>
      </c>
      <c r="AA37" s="19">
        <v>0</v>
      </c>
      <c r="AB37" s="19">
        <v>22773</v>
      </c>
      <c r="AC37" s="19">
        <v>0</v>
      </c>
      <c r="AD37" s="19">
        <v>0</v>
      </c>
      <c r="AE37" s="19">
        <v>0</v>
      </c>
      <c r="AF37" s="19">
        <v>0</v>
      </c>
      <c r="AG37" s="19">
        <v>0</v>
      </c>
      <c r="AH37" s="19">
        <v>0</v>
      </c>
      <c r="AI37" s="19">
        <v>0</v>
      </c>
      <c r="AJ37" s="19">
        <v>0</v>
      </c>
      <c r="AK37" s="19">
        <v>0</v>
      </c>
      <c r="AL37" s="19">
        <v>0</v>
      </c>
    </row>
    <row r="38" spans="1:38" ht="17.25" customHeight="1">
      <c r="A38" s="9" t="s">
        <v>68</v>
      </c>
      <c r="B38" s="20">
        <v>378928</v>
      </c>
      <c r="C38" s="20">
        <v>368070</v>
      </c>
      <c r="D38" s="19">
        <v>10858</v>
      </c>
      <c r="E38" s="20">
        <v>0</v>
      </c>
      <c r="F38" s="20">
        <v>0</v>
      </c>
      <c r="G38" s="20">
        <v>10858</v>
      </c>
      <c r="H38" s="20">
        <v>0</v>
      </c>
      <c r="I38" s="20">
        <v>0</v>
      </c>
      <c r="J38" s="19">
        <v>0</v>
      </c>
      <c r="K38" s="20">
        <v>0</v>
      </c>
      <c r="L38" s="20">
        <v>0</v>
      </c>
      <c r="M38" s="20">
        <v>357362</v>
      </c>
      <c r="N38" s="20">
        <v>352301</v>
      </c>
      <c r="O38" s="19">
        <v>5061</v>
      </c>
      <c r="P38" s="20">
        <v>0</v>
      </c>
      <c r="Q38" s="20">
        <v>0</v>
      </c>
      <c r="R38" s="20">
        <v>5061</v>
      </c>
      <c r="S38" s="20">
        <v>1863</v>
      </c>
      <c r="T38" s="20">
        <v>1863</v>
      </c>
      <c r="U38" s="19">
        <v>0</v>
      </c>
      <c r="V38" s="20">
        <v>0</v>
      </c>
      <c r="W38" s="20">
        <v>0</v>
      </c>
      <c r="X38" s="20">
        <v>50964</v>
      </c>
      <c r="Y38" s="20">
        <v>49747</v>
      </c>
      <c r="Z38" s="19">
        <v>1217</v>
      </c>
      <c r="AA38" s="20">
        <v>0</v>
      </c>
      <c r="AB38" s="20">
        <v>1217</v>
      </c>
      <c r="AC38" s="19">
        <v>0</v>
      </c>
      <c r="AD38" s="20">
        <v>0</v>
      </c>
      <c r="AE38" s="19">
        <v>0</v>
      </c>
      <c r="AF38" s="20">
        <v>0</v>
      </c>
      <c r="AG38" s="20">
        <v>0</v>
      </c>
      <c r="AH38" s="20">
        <v>0</v>
      </c>
      <c r="AI38" s="20">
        <v>0</v>
      </c>
      <c r="AJ38" s="20">
        <v>0</v>
      </c>
      <c r="AK38" s="20">
        <v>0</v>
      </c>
      <c r="AL38" s="20">
        <v>0</v>
      </c>
    </row>
    <row r="39" spans="1:38" ht="17.25" customHeight="1">
      <c r="A39" s="10" t="s">
        <v>69</v>
      </c>
      <c r="B39" s="21">
        <v>812395187</v>
      </c>
      <c r="C39" s="21">
        <v>793903814</v>
      </c>
      <c r="D39" s="21">
        <v>18491373</v>
      </c>
      <c r="E39" s="21">
        <v>13198</v>
      </c>
      <c r="F39" s="21">
        <v>0</v>
      </c>
      <c r="G39" s="21">
        <v>18478175</v>
      </c>
      <c r="H39" s="21">
        <v>418079</v>
      </c>
      <c r="I39" s="21">
        <v>389260</v>
      </c>
      <c r="J39" s="21">
        <v>28819</v>
      </c>
      <c r="K39" s="21">
        <v>6442</v>
      </c>
      <c r="L39" s="21">
        <v>22377</v>
      </c>
      <c r="M39" s="21">
        <v>720087790</v>
      </c>
      <c r="N39" s="21">
        <v>695372321</v>
      </c>
      <c r="O39" s="21">
        <v>24715469</v>
      </c>
      <c r="P39" s="21">
        <v>11634350</v>
      </c>
      <c r="Q39" s="21">
        <v>2917056</v>
      </c>
      <c r="R39" s="21">
        <v>15998175</v>
      </c>
      <c r="S39" s="21">
        <v>1278286</v>
      </c>
      <c r="T39" s="21">
        <v>1267185</v>
      </c>
      <c r="U39" s="21">
        <v>11101</v>
      </c>
      <c r="V39" s="21">
        <v>0</v>
      </c>
      <c r="W39" s="21">
        <v>11101</v>
      </c>
      <c r="X39" s="21">
        <v>162892348</v>
      </c>
      <c r="Y39" s="21">
        <v>160328882</v>
      </c>
      <c r="Z39" s="21">
        <v>2563466</v>
      </c>
      <c r="AA39" s="21">
        <v>0</v>
      </c>
      <c r="AB39" s="21">
        <v>2563466</v>
      </c>
      <c r="AC39" s="21">
        <v>61279420</v>
      </c>
      <c r="AD39" s="21">
        <v>60482801</v>
      </c>
      <c r="AE39" s="21">
        <v>796619</v>
      </c>
      <c r="AF39" s="21">
        <v>0</v>
      </c>
      <c r="AG39" s="21">
        <v>796619</v>
      </c>
      <c r="AH39" s="21">
        <v>11346139</v>
      </c>
      <c r="AI39" s="21">
        <v>11346139</v>
      </c>
      <c r="AJ39" s="21">
        <v>0</v>
      </c>
      <c r="AK39" s="21">
        <v>0</v>
      </c>
      <c r="AL39" s="21">
        <v>0</v>
      </c>
    </row>
    <row r="40" spans="1:38">
      <c r="G40" s="13"/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３　令和２年度市町村公営事業会計（公営企業会計を除く）決算状況［&amp;P/&amp;N］&amp;R&amp;"ＭＳ ゴシック,標準"&amp;10
（単位：千円）</oddHeader>
  </headerFooter>
  <colBreaks count="6" manualBreakCount="6">
    <brk id="7" max="43" man="1"/>
    <brk id="12" max="43" man="1"/>
    <brk id="18" max="43" man="1"/>
    <brk id="23" max="43" man="1"/>
    <brk id="28" max="43" man="1"/>
    <brk id="33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1</vt:lpstr>
      <vt:lpstr>'31'!Print_Area</vt:lpstr>
      <vt:lpstr>'31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12-14T00:13:32Z</cp:lastPrinted>
  <dcterms:created xsi:type="dcterms:W3CDTF">2013-03-18T10:12:49Z</dcterms:created>
  <dcterms:modified xsi:type="dcterms:W3CDTF">2022-03-06T23:52:52Z</dcterms:modified>
</cp:coreProperties>
</file>